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60" tabRatio="910"/>
  </bookViews>
  <sheets>
    <sheet name="19-30" sheetId="17" r:id="rId1"/>
  </sheets>
  <definedNames>
    <definedName name="_xlnm.Print_Area" localSheetId="0">'19-30'!$A$1:$F$122</definedName>
    <definedName name="_xlnm.Print_Titles" localSheetId="0">'19-30'!$1:$2</definedName>
  </definedNames>
  <calcPr calcId="152511"/>
</workbook>
</file>

<file path=xl/sharedStrings.xml><?xml version="1.0" encoding="utf-8"?>
<sst xmlns="http://schemas.openxmlformats.org/spreadsheetml/2006/main" count="521" uniqueCount="418">
  <si>
    <t>昭和63.4.1</t>
    <rPh sb="0" eb="2">
      <t>ショウワ</t>
    </rPh>
    <phoneticPr fontId="1"/>
  </si>
  <si>
    <t>長野県厚生農業
協同組合連合会</t>
    <phoneticPr fontId="1"/>
  </si>
  <si>
    <t>臼田779-4</t>
    <phoneticPr fontId="1"/>
  </si>
  <si>
    <t>佐久総合病院老人保健施設</t>
  </si>
  <si>
    <t>昭和63.11.1</t>
    <rPh sb="0" eb="2">
      <t>ショウワ</t>
    </rPh>
    <phoneticPr fontId="1"/>
  </si>
  <si>
    <t>介護老人保健施設　安寿苑</t>
    <rPh sb="0" eb="2">
      <t>カイゴ</t>
    </rPh>
    <rPh sb="2" eb="4">
      <t>ロウジン</t>
    </rPh>
    <rPh sb="4" eb="6">
      <t>ホケン</t>
    </rPh>
    <rPh sb="6" eb="8">
      <t>シセツ</t>
    </rPh>
    <rPh sb="9" eb="11">
      <t>アンジュ</t>
    </rPh>
    <rPh sb="11" eb="12">
      <t>エン</t>
    </rPh>
    <phoneticPr fontId="1"/>
  </si>
  <si>
    <t>平成8.4.1</t>
    <phoneticPr fontId="1"/>
  </si>
  <si>
    <t>塚原1894-1</t>
    <rPh sb="0" eb="2">
      <t>ツカバラ</t>
    </rPh>
    <phoneticPr fontId="1"/>
  </si>
  <si>
    <t>シルバーポートつかばら</t>
    <phoneticPr fontId="1"/>
  </si>
  <si>
    <t>平成15.9.1</t>
    <rPh sb="0" eb="2">
      <t>ヘイセイ</t>
    </rPh>
    <phoneticPr fontId="1"/>
  </si>
  <si>
    <t>長土呂860-2</t>
    <rPh sb="0" eb="3">
      <t>ナガトロ</t>
    </rPh>
    <phoneticPr fontId="1"/>
  </si>
  <si>
    <t>介護老人保健施設　愛の郷</t>
    <rPh sb="0" eb="2">
      <t>カイゴ</t>
    </rPh>
    <rPh sb="2" eb="4">
      <t>ロウジン</t>
    </rPh>
    <rPh sb="4" eb="6">
      <t>ホケン</t>
    </rPh>
    <rPh sb="6" eb="8">
      <t>シセツ</t>
    </rPh>
    <rPh sb="9" eb="10">
      <t>メグミ</t>
    </rPh>
    <rPh sb="11" eb="12">
      <t>サト</t>
    </rPh>
    <phoneticPr fontId="1"/>
  </si>
  <si>
    <t>佐久市</t>
    <phoneticPr fontId="1"/>
  </si>
  <si>
    <t>介護老人保健施設　みすず苑</t>
    <rPh sb="0" eb="2">
      <t>カイゴ</t>
    </rPh>
    <rPh sb="2" eb="4">
      <t>ロウジン</t>
    </rPh>
    <rPh sb="4" eb="6">
      <t>ホケン</t>
    </rPh>
    <rPh sb="6" eb="8">
      <t>シセツ</t>
    </rPh>
    <rPh sb="12" eb="13">
      <t>エン</t>
    </rPh>
    <phoneticPr fontId="1"/>
  </si>
  <si>
    <t>介護老人保健施設</t>
  </si>
  <si>
    <t>平成25.4.1</t>
    <rPh sb="0" eb="2">
      <t>ヘイセイ</t>
    </rPh>
    <phoneticPr fontId="1"/>
  </si>
  <si>
    <t>平賀737-3</t>
    <rPh sb="0" eb="2">
      <t>ヒラカ</t>
    </rPh>
    <phoneticPr fontId="1"/>
  </si>
  <si>
    <t>グループホームひらか愛の郷</t>
    <rPh sb="10" eb="11">
      <t>メグミ</t>
    </rPh>
    <rPh sb="12" eb="13">
      <t>サト</t>
    </rPh>
    <phoneticPr fontId="1"/>
  </si>
  <si>
    <t>平成23.4.1</t>
    <rPh sb="0" eb="2">
      <t>ヘイセイ</t>
    </rPh>
    <phoneticPr fontId="1"/>
  </si>
  <si>
    <t>株式会社中澤</t>
    <rPh sb="0" eb="4">
      <t>カブシキガイシャ</t>
    </rPh>
    <rPh sb="4" eb="6">
      <t>ナカザワ</t>
    </rPh>
    <phoneticPr fontId="1"/>
  </si>
  <si>
    <t>グループホームあゆみ</t>
    <phoneticPr fontId="1"/>
  </si>
  <si>
    <t>平成17.4.1</t>
    <rPh sb="0" eb="2">
      <t>ヘイセイ</t>
    </rPh>
    <phoneticPr fontId="1"/>
  </si>
  <si>
    <t>田口4742-1</t>
  </si>
  <si>
    <t>グループホームうすだ愛の郷</t>
  </si>
  <si>
    <t>平成12.4.1</t>
    <phoneticPr fontId="1"/>
  </si>
  <si>
    <t>塚原2228-3</t>
    <rPh sb="0" eb="2">
      <t>ツカバラ</t>
    </rPh>
    <phoneticPr fontId="1"/>
  </si>
  <si>
    <t>シルバーハウス塚原</t>
    <rPh sb="7" eb="9">
      <t>ツカバラ</t>
    </rPh>
    <phoneticPr fontId="1"/>
  </si>
  <si>
    <t>平成13.11.16</t>
    <rPh sb="0" eb="2">
      <t>ヘイセイ</t>
    </rPh>
    <phoneticPr fontId="1"/>
  </si>
  <si>
    <t>サガラシルバーハウス</t>
    <phoneticPr fontId="1"/>
  </si>
  <si>
    <t>平成21.12.1</t>
    <rPh sb="0" eb="2">
      <t>ヘイセイ</t>
    </rPh>
    <phoneticPr fontId="1"/>
  </si>
  <si>
    <t>新子田892-2</t>
    <phoneticPr fontId="1"/>
  </si>
  <si>
    <t>認知症高齢者グループホーム</t>
  </si>
  <si>
    <t>平成18.4.1</t>
    <phoneticPr fontId="1"/>
  </si>
  <si>
    <t>日本赤十字社
長野県支部
川西赤十字病院</t>
    <rPh sb="0" eb="2">
      <t>ニホン</t>
    </rPh>
    <rPh sb="2" eb="5">
      <t>セキジュウジ</t>
    </rPh>
    <rPh sb="5" eb="6">
      <t>シャ</t>
    </rPh>
    <rPh sb="7" eb="10">
      <t>ナガノケン</t>
    </rPh>
    <rPh sb="10" eb="12">
      <t>シブ</t>
    </rPh>
    <rPh sb="13" eb="15">
      <t>カワニシ</t>
    </rPh>
    <rPh sb="15" eb="18">
      <t>セキジュウジ</t>
    </rPh>
    <rPh sb="18" eb="20">
      <t>ビョウイン</t>
    </rPh>
    <phoneticPr fontId="1"/>
  </si>
  <si>
    <t>望月317-2</t>
    <rPh sb="0" eb="2">
      <t>モチヅキ</t>
    </rPh>
    <phoneticPr fontId="1"/>
  </si>
  <si>
    <t>浅科・望月地域
包括支援センター</t>
    <rPh sb="0" eb="2">
      <t>アサシナ</t>
    </rPh>
    <rPh sb="3" eb="5">
      <t>モチヅキ</t>
    </rPh>
    <rPh sb="5" eb="7">
      <t>チイキ</t>
    </rPh>
    <rPh sb="8" eb="10">
      <t>ホウカツ</t>
    </rPh>
    <rPh sb="10" eb="12">
      <t>シエン</t>
    </rPh>
    <phoneticPr fontId="1"/>
  </si>
  <si>
    <t>臼田地域
包括支援センター</t>
    <rPh sb="0" eb="2">
      <t>ウスダ</t>
    </rPh>
    <rPh sb="2" eb="4">
      <t>チイキ</t>
    </rPh>
    <rPh sb="5" eb="7">
      <t>ホウカツ</t>
    </rPh>
    <rPh sb="7" eb="9">
      <t>シエン</t>
    </rPh>
    <phoneticPr fontId="1"/>
  </si>
  <si>
    <t>佐久市立国保
浅間総合病院</t>
    <rPh sb="0" eb="2">
      <t>サク</t>
    </rPh>
    <rPh sb="2" eb="4">
      <t>シリツ</t>
    </rPh>
    <rPh sb="4" eb="6">
      <t>コクホ</t>
    </rPh>
    <rPh sb="7" eb="9">
      <t>アサマ</t>
    </rPh>
    <rPh sb="9" eb="11">
      <t>ソウゴウ</t>
    </rPh>
    <rPh sb="11" eb="13">
      <t>ビョウイン</t>
    </rPh>
    <phoneticPr fontId="1"/>
  </si>
  <si>
    <t>根岸113-1</t>
    <rPh sb="0" eb="2">
      <t>ネギシ</t>
    </rPh>
    <phoneticPr fontId="1"/>
  </si>
  <si>
    <t>中込3-15-8</t>
    <rPh sb="0" eb="2">
      <t>ナカゴミ</t>
    </rPh>
    <phoneticPr fontId="1"/>
  </si>
  <si>
    <t>医療法人三世会
金澤病院</t>
    <rPh sb="0" eb="2">
      <t>イリョウ</t>
    </rPh>
    <rPh sb="2" eb="4">
      <t>ホウジン</t>
    </rPh>
    <rPh sb="4" eb="5">
      <t>サン</t>
    </rPh>
    <rPh sb="5" eb="6">
      <t>セイ</t>
    </rPh>
    <rPh sb="6" eb="7">
      <t>カイ</t>
    </rPh>
    <rPh sb="8" eb="10">
      <t>カナザワ</t>
    </rPh>
    <rPh sb="10" eb="12">
      <t>ビョウイン</t>
    </rPh>
    <phoneticPr fontId="1"/>
  </si>
  <si>
    <t>岩村田802-1</t>
    <rPh sb="0" eb="3">
      <t>イワムラダ</t>
    </rPh>
    <phoneticPr fontId="1"/>
  </si>
  <si>
    <t>岩村田・東地域
包括支援センター</t>
    <rPh sb="0" eb="3">
      <t>イワムラダ</t>
    </rPh>
    <rPh sb="4" eb="5">
      <t>ヒガシ</t>
    </rPh>
    <rPh sb="5" eb="7">
      <t>チイキ</t>
    </rPh>
    <rPh sb="8" eb="10">
      <t>ホウカツ</t>
    </rPh>
    <rPh sb="10" eb="12">
      <t>シエン</t>
    </rPh>
    <phoneticPr fontId="1"/>
  </si>
  <si>
    <t>地域包括支援センター</t>
    <rPh sb="0" eb="2">
      <t>チイキ</t>
    </rPh>
    <rPh sb="2" eb="4">
      <t>ホウカツ</t>
    </rPh>
    <rPh sb="4" eb="6">
      <t>シエン</t>
    </rPh>
    <phoneticPr fontId="1"/>
  </si>
  <si>
    <t>平成15.4.1</t>
    <rPh sb="0" eb="2">
      <t>ヘイセイ</t>
    </rPh>
    <phoneticPr fontId="1"/>
  </si>
  <si>
    <t>佐久市</t>
  </si>
  <si>
    <t>望月326-4</t>
    <rPh sb="0" eb="2">
      <t>モチヅキ</t>
    </rPh>
    <phoneticPr fontId="1"/>
  </si>
  <si>
    <t>佐久市高齢者生活支援ハウス</t>
  </si>
  <si>
    <t>生活支援ハウス</t>
  </si>
  <si>
    <t>昭和60.4.1</t>
    <rPh sb="0" eb="2">
      <t>ショウワ</t>
    </rPh>
    <phoneticPr fontId="1"/>
  </si>
  <si>
    <t>望月1730-1</t>
  </si>
  <si>
    <t>望月悠玄荘</t>
  </si>
  <si>
    <t>軽費老人ホーム</t>
  </si>
  <si>
    <t>昭和50.4</t>
    <rPh sb="0" eb="2">
      <t>ショウワ</t>
    </rPh>
    <phoneticPr fontId="1"/>
  </si>
  <si>
    <t>佐久広域連合</t>
    <rPh sb="0" eb="2">
      <t>サク</t>
    </rPh>
    <rPh sb="2" eb="4">
      <t>コウイキ</t>
    </rPh>
    <rPh sb="4" eb="6">
      <t>レンゴウ</t>
    </rPh>
    <phoneticPr fontId="1"/>
  </si>
  <si>
    <t>下小田切530</t>
    <rPh sb="0" eb="1">
      <t>シタ</t>
    </rPh>
    <rPh sb="1" eb="4">
      <t>オタギリ</t>
    </rPh>
    <phoneticPr fontId="1"/>
  </si>
  <si>
    <t>勝間園</t>
    <rPh sb="0" eb="2">
      <t>カツマ</t>
    </rPh>
    <rPh sb="2" eb="3">
      <t>エン</t>
    </rPh>
    <phoneticPr fontId="1"/>
  </si>
  <si>
    <t>昭和40.8.10</t>
    <rPh sb="0" eb="2">
      <t>ショウワ</t>
    </rPh>
    <phoneticPr fontId="1"/>
  </si>
  <si>
    <t>北佐久郡老人
福祉施設組合</t>
    <rPh sb="0" eb="1">
      <t>キタ</t>
    </rPh>
    <rPh sb="1" eb="3">
      <t>サク</t>
    </rPh>
    <rPh sb="3" eb="4">
      <t>グン</t>
    </rPh>
    <rPh sb="4" eb="6">
      <t>ロウジン</t>
    </rPh>
    <rPh sb="7" eb="9">
      <t>フクシ</t>
    </rPh>
    <rPh sb="9" eb="11">
      <t>シセツ</t>
    </rPh>
    <rPh sb="11" eb="13">
      <t>クミアイ</t>
    </rPh>
    <phoneticPr fontId="1"/>
  </si>
  <si>
    <t>望月285-2</t>
  </si>
  <si>
    <t>佐久良荘</t>
  </si>
  <si>
    <t>養護老人ホーム</t>
  </si>
  <si>
    <t>平成15.2.1</t>
    <rPh sb="0" eb="2">
      <t>ヘイセイ</t>
    </rPh>
    <phoneticPr fontId="1"/>
  </si>
  <si>
    <t>望月405-4</t>
    <rPh sb="0" eb="2">
      <t>モチヅキ</t>
    </rPh>
    <phoneticPr fontId="1"/>
  </si>
  <si>
    <t>佐久市望月生きがいセンター</t>
    <rPh sb="0" eb="3">
      <t>サクシ</t>
    </rPh>
    <rPh sb="3" eb="5">
      <t>モチヅキ</t>
    </rPh>
    <rPh sb="5" eb="6">
      <t>イ</t>
    </rPh>
    <phoneticPr fontId="1"/>
  </si>
  <si>
    <t>平成14.4.1</t>
    <phoneticPr fontId="1"/>
  </si>
  <si>
    <t>春日2813-1</t>
    <rPh sb="0" eb="2">
      <t>カスガ</t>
    </rPh>
    <phoneticPr fontId="1"/>
  </si>
  <si>
    <t>佐久市春日交流センター</t>
    <rPh sb="0" eb="3">
      <t>サクシ</t>
    </rPh>
    <rPh sb="3" eb="5">
      <t>カスガ</t>
    </rPh>
    <rPh sb="5" eb="7">
      <t>コウリュウ</t>
    </rPh>
    <phoneticPr fontId="1"/>
  </si>
  <si>
    <t>塩名田456-1</t>
    <phoneticPr fontId="1"/>
  </si>
  <si>
    <t>介護予防施設</t>
    <rPh sb="2" eb="4">
      <t>ヨボウ</t>
    </rPh>
    <rPh sb="4" eb="6">
      <t>シセツ</t>
    </rPh>
    <phoneticPr fontId="1"/>
  </si>
  <si>
    <t>平成11年</t>
    <rPh sb="0" eb="2">
      <t>ヘイセイ</t>
    </rPh>
    <rPh sb="4" eb="5">
      <t>ネン</t>
    </rPh>
    <phoneticPr fontId="1"/>
  </si>
  <si>
    <t>望月総合支援センター</t>
    <rPh sb="0" eb="2">
      <t>モチヅキ</t>
    </rPh>
    <rPh sb="2" eb="4">
      <t>ソウゴウ</t>
    </rPh>
    <rPh sb="4" eb="6">
      <t>シエン</t>
    </rPh>
    <phoneticPr fontId="1"/>
  </si>
  <si>
    <t>平成13年7月</t>
    <rPh sb="0" eb="2">
      <t>ヘイセイ</t>
    </rPh>
    <rPh sb="4" eb="5">
      <t>ネン</t>
    </rPh>
    <rPh sb="6" eb="7">
      <t>ガツ</t>
    </rPh>
    <phoneticPr fontId="1"/>
  </si>
  <si>
    <t>下越16-5</t>
    <rPh sb="0" eb="1">
      <t>シタ</t>
    </rPh>
    <rPh sb="1" eb="2">
      <t>コ</t>
    </rPh>
    <phoneticPr fontId="1"/>
  </si>
  <si>
    <t>臼田総合福祉センター</t>
    <rPh sb="0" eb="2">
      <t>ウスダ</t>
    </rPh>
    <rPh sb="2" eb="4">
      <t>ソウゴウ</t>
    </rPh>
    <rPh sb="4" eb="6">
      <t>フクシ</t>
    </rPh>
    <phoneticPr fontId="1"/>
  </si>
  <si>
    <t>総合福祉センター</t>
    <rPh sb="0" eb="2">
      <t>ソウゴウ</t>
    </rPh>
    <rPh sb="2" eb="4">
      <t>フクシ</t>
    </rPh>
    <phoneticPr fontId="1"/>
  </si>
  <si>
    <t>望月1626-2</t>
  </si>
  <si>
    <t>望月老人福祉センター</t>
  </si>
  <si>
    <t>臼田老人福祉センター</t>
    <rPh sb="0" eb="2">
      <t>ウスダ</t>
    </rPh>
    <rPh sb="2" eb="4">
      <t>ロウジン</t>
    </rPh>
    <rPh sb="4" eb="6">
      <t>フクシ</t>
    </rPh>
    <phoneticPr fontId="1"/>
  </si>
  <si>
    <t>昭和47.4.1
（開設）</t>
    <phoneticPr fontId="1"/>
  </si>
  <si>
    <t>佐久市老人福祉センター
長寿閣</t>
  </si>
  <si>
    <t>老人福祉センター</t>
  </si>
  <si>
    <t>長期100
短期20</t>
    <rPh sb="0" eb="1">
      <t>チョウ</t>
    </rPh>
    <rPh sb="1" eb="2">
      <t>キ</t>
    </rPh>
    <rPh sb="6" eb="8">
      <t>タンキ</t>
    </rPh>
    <phoneticPr fontId="1"/>
  </si>
  <si>
    <t>平成24.6.１</t>
    <rPh sb="0" eb="2">
      <t>ヘイセイ</t>
    </rPh>
    <phoneticPr fontId="1"/>
  </si>
  <si>
    <t>平賀741</t>
    <phoneticPr fontId="1"/>
  </si>
  <si>
    <t>佐久平　愛の郷</t>
    <rPh sb="0" eb="2">
      <t>サク</t>
    </rPh>
    <rPh sb="2" eb="3">
      <t>ダイラ</t>
    </rPh>
    <rPh sb="4" eb="5">
      <t>メグミ</t>
    </rPh>
    <rPh sb="6" eb="7">
      <t>サト</t>
    </rPh>
    <phoneticPr fontId="1"/>
  </si>
  <si>
    <t>平成19.10.1</t>
    <rPh sb="0" eb="2">
      <t>ヘイセイ</t>
    </rPh>
    <phoneticPr fontId="1"/>
  </si>
  <si>
    <t>下小田切50-1</t>
    <rPh sb="0" eb="1">
      <t>シタ</t>
    </rPh>
    <rPh sb="1" eb="4">
      <t>オタギリ</t>
    </rPh>
    <phoneticPr fontId="1"/>
  </si>
  <si>
    <t>さくら苑</t>
    <rPh sb="3" eb="4">
      <t>エン</t>
    </rPh>
    <phoneticPr fontId="1"/>
  </si>
  <si>
    <t>白ゆり荘</t>
  </si>
  <si>
    <t>岩村田4213</t>
  </si>
  <si>
    <t>佐久福寿園</t>
    <phoneticPr fontId="1"/>
  </si>
  <si>
    <t>田口5976-4</t>
  </si>
  <si>
    <t>相喜寮</t>
  </si>
  <si>
    <t>平成6.4.1</t>
    <rPh sb="0" eb="2">
      <t>ヘイセイ</t>
    </rPh>
    <phoneticPr fontId="1"/>
  </si>
  <si>
    <t>塩名田542-1</t>
    <phoneticPr fontId="1"/>
  </si>
  <si>
    <t>佐久広域老人ホーム塩名田苑</t>
    <phoneticPr fontId="1"/>
  </si>
  <si>
    <t>佐久広域連合</t>
  </si>
  <si>
    <t>佐久広域老人ホーム勝間園</t>
    <rPh sb="9" eb="11">
      <t>カツマ</t>
    </rPh>
    <rPh sb="11" eb="12">
      <t>エン</t>
    </rPh>
    <phoneticPr fontId="1"/>
  </si>
  <si>
    <t>平成15.4.1</t>
  </si>
  <si>
    <t>望月326-4</t>
  </si>
  <si>
    <t>結いの家</t>
  </si>
  <si>
    <t>特別養護老人ホーム</t>
  </si>
  <si>
    <t>平成20.4.1</t>
    <rPh sb="0" eb="2">
      <t>ヘイセイ</t>
    </rPh>
    <phoneticPr fontId="1"/>
  </si>
  <si>
    <t>佐久市特別養護老人ホーム
シルバーランドきしの</t>
    <rPh sb="0" eb="3">
      <t>サクシ</t>
    </rPh>
    <rPh sb="3" eb="5">
      <t>トクベツ</t>
    </rPh>
    <rPh sb="5" eb="7">
      <t>ヨウゴ</t>
    </rPh>
    <rPh sb="7" eb="9">
      <t>ロウジン</t>
    </rPh>
    <phoneticPr fontId="1"/>
  </si>
  <si>
    <t>平成13.4.1</t>
    <phoneticPr fontId="1"/>
  </si>
  <si>
    <t>新子田866</t>
  </si>
  <si>
    <t>佐久市みつい
デイサービスセンター</t>
  </si>
  <si>
    <t>長期80
短期20</t>
    <phoneticPr fontId="1"/>
  </si>
  <si>
    <t>新子田866</t>
    <phoneticPr fontId="1"/>
  </si>
  <si>
    <t>佐久市特別養護老人ホーム
シルバーランドみつい</t>
  </si>
  <si>
    <t>特別養護老人ホーム
複合型施設</t>
  </si>
  <si>
    <t>昭和53.4.１
（開設）</t>
    <phoneticPr fontId="1"/>
  </si>
  <si>
    <t>社会福祉法人
佐久市社会
福祉協議会</t>
    <rPh sb="0" eb="2">
      <t>シャカイ</t>
    </rPh>
    <rPh sb="2" eb="4">
      <t>フクシ</t>
    </rPh>
    <rPh sb="4" eb="6">
      <t>ホウジン</t>
    </rPh>
    <rPh sb="7" eb="10">
      <t>サクシ</t>
    </rPh>
    <rPh sb="10" eb="12">
      <t>シャカイ</t>
    </rPh>
    <rPh sb="13" eb="15">
      <t>フクシ</t>
    </rPh>
    <rPh sb="15" eb="18">
      <t>キョウギカイ</t>
    </rPh>
    <phoneticPr fontId="1"/>
  </si>
  <si>
    <t>集会施設</t>
  </si>
  <si>
    <t>佐久市</t>
    <rPh sb="0" eb="3">
      <t>サクシ</t>
    </rPh>
    <phoneticPr fontId="1"/>
  </si>
  <si>
    <t>八幡494</t>
  </si>
  <si>
    <t>浅科福祉センター</t>
  </si>
  <si>
    <t>福祉センター</t>
  </si>
  <si>
    <t>平成24.4.1</t>
    <rPh sb="0" eb="2">
      <t>ヘイセイ</t>
    </rPh>
    <phoneticPr fontId="1"/>
  </si>
  <si>
    <t>平成22.3.25</t>
    <rPh sb="0" eb="2">
      <t>ヘイセイ</t>
    </rPh>
    <phoneticPr fontId="1"/>
  </si>
  <si>
    <t>取出町196-2</t>
    <phoneticPr fontId="1"/>
  </si>
  <si>
    <t>コスモスの家</t>
    <rPh sb="5" eb="6">
      <t>イエ</t>
    </rPh>
    <phoneticPr fontId="1"/>
  </si>
  <si>
    <t>平成18.10.1</t>
    <rPh sb="0" eb="2">
      <t>ヘイセイ</t>
    </rPh>
    <phoneticPr fontId="1"/>
  </si>
  <si>
    <t>原498-1</t>
    <rPh sb="0" eb="1">
      <t>ハラ</t>
    </rPh>
    <phoneticPr fontId="1"/>
  </si>
  <si>
    <t>野沢の家</t>
    <rPh sb="0" eb="2">
      <t>ノザワ</t>
    </rPh>
    <rPh sb="3" eb="4">
      <t>イエ</t>
    </rPh>
    <phoneticPr fontId="1"/>
  </si>
  <si>
    <t>平成6.4.1</t>
    <phoneticPr fontId="1"/>
  </si>
  <si>
    <t>平成18.4.1</t>
    <phoneticPr fontId="1"/>
  </si>
  <si>
    <t>田口5060-7</t>
  </si>
  <si>
    <t>龍岡の家</t>
  </si>
  <si>
    <t>こまくさ寮</t>
    <rPh sb="4" eb="5">
      <t>リョウ</t>
    </rPh>
    <phoneticPr fontId="1"/>
  </si>
  <si>
    <t>社会福祉法人
からし種の会</t>
  </si>
  <si>
    <t>長土呂302-8</t>
    <rPh sb="0" eb="3">
      <t>ナドロ</t>
    </rPh>
    <phoneticPr fontId="1"/>
  </si>
  <si>
    <t>ひまわり寮</t>
    <rPh sb="4" eb="5">
      <t>リョウ</t>
    </rPh>
    <phoneticPr fontId="1"/>
  </si>
  <si>
    <t>平成20.2.1</t>
    <rPh sb="0" eb="2">
      <t>ヘイセイ</t>
    </rPh>
    <phoneticPr fontId="1"/>
  </si>
  <si>
    <t>鳴瀬680-3</t>
    <rPh sb="0" eb="2">
      <t>ナルセ</t>
    </rPh>
    <phoneticPr fontId="1"/>
  </si>
  <si>
    <t>たかせ庵</t>
    <rPh sb="3" eb="4">
      <t>アン</t>
    </rPh>
    <phoneticPr fontId="1"/>
  </si>
  <si>
    <t>平成18.3.1</t>
    <phoneticPr fontId="1"/>
  </si>
  <si>
    <t>鳴瀬680</t>
  </si>
  <si>
    <t>なるせ庵</t>
  </si>
  <si>
    <t>平成17.11.1</t>
    <phoneticPr fontId="1"/>
  </si>
  <si>
    <t>有限会社ねば塾</t>
  </si>
  <si>
    <t>鳴瀬681</t>
  </si>
  <si>
    <t>蛍雪庵</t>
  </si>
  <si>
    <t>平成21.10.1</t>
    <rPh sb="0" eb="2">
      <t>ヘイセイ</t>
    </rPh>
    <phoneticPr fontId="1"/>
  </si>
  <si>
    <t>三河田482-4</t>
    <rPh sb="0" eb="2">
      <t>ミカワ</t>
    </rPh>
    <rPh sb="2" eb="3">
      <t>タ</t>
    </rPh>
    <phoneticPr fontId="1"/>
  </si>
  <si>
    <t>平成19.4.1</t>
    <rPh sb="0" eb="2">
      <t>ヘイセイ</t>
    </rPh>
    <phoneticPr fontId="1"/>
  </si>
  <si>
    <t>志賀5859-3</t>
    <rPh sb="0" eb="2">
      <t>シガ</t>
    </rPh>
    <phoneticPr fontId="1"/>
  </si>
  <si>
    <t>志賀の家</t>
    <rPh sb="0" eb="2">
      <t>シガ</t>
    </rPh>
    <rPh sb="3" eb="4">
      <t>イエ</t>
    </rPh>
    <phoneticPr fontId="1"/>
  </si>
  <si>
    <t>平成17.4.1</t>
    <phoneticPr fontId="1"/>
  </si>
  <si>
    <t>内山5683-1</t>
  </si>
  <si>
    <t>本郷の家</t>
  </si>
  <si>
    <t>平成16.11.1</t>
    <phoneticPr fontId="1"/>
  </si>
  <si>
    <t>社会福祉法人
佐久学舎</t>
  </si>
  <si>
    <t>平成24.12.10</t>
    <rPh sb="0" eb="2">
      <t>ヘイセイ</t>
    </rPh>
    <phoneticPr fontId="1"/>
  </si>
  <si>
    <t>社会福祉法人
小諸青葉福祉会</t>
    <rPh sb="0" eb="2">
      <t>シャカイ</t>
    </rPh>
    <rPh sb="2" eb="4">
      <t>フクシ</t>
    </rPh>
    <rPh sb="4" eb="6">
      <t>ホウジン</t>
    </rPh>
    <rPh sb="7" eb="9">
      <t>コモロ</t>
    </rPh>
    <rPh sb="9" eb="11">
      <t>アオバ</t>
    </rPh>
    <rPh sb="11" eb="13">
      <t>フクシ</t>
    </rPh>
    <rPh sb="13" eb="14">
      <t>カイ</t>
    </rPh>
    <phoneticPr fontId="1"/>
  </si>
  <si>
    <t>岩村田1915-2</t>
    <rPh sb="0" eb="3">
      <t>イワムラダ</t>
    </rPh>
    <phoneticPr fontId="1"/>
  </si>
  <si>
    <t>ケアホームやまびこ岩村田Ｂ</t>
    <rPh sb="9" eb="12">
      <t>イワムラダ</t>
    </rPh>
    <phoneticPr fontId="1"/>
  </si>
  <si>
    <t>ケアホームやまびこ岩村田Ａ</t>
    <rPh sb="9" eb="12">
      <t>イワムラダ</t>
    </rPh>
    <phoneticPr fontId="1"/>
  </si>
  <si>
    <t>伴野952-4</t>
    <phoneticPr fontId="1"/>
  </si>
  <si>
    <t>ケアホーム下平</t>
    <rPh sb="5" eb="7">
      <t>シモダイラ</t>
    </rPh>
    <phoneticPr fontId="1"/>
  </si>
  <si>
    <t>グループホーム</t>
    <phoneticPr fontId="1"/>
  </si>
  <si>
    <t>平成21.9.30</t>
    <rPh sb="0" eb="2">
      <t>ヘイセイ</t>
    </rPh>
    <phoneticPr fontId="1"/>
  </si>
  <si>
    <t>八幡1115-67</t>
    <rPh sb="0" eb="2">
      <t>ヤワタ</t>
    </rPh>
    <phoneticPr fontId="1"/>
  </si>
  <si>
    <t>緑の牧場学園</t>
    <phoneticPr fontId="1"/>
  </si>
  <si>
    <t>昭和61.10.1</t>
    <phoneticPr fontId="1"/>
  </si>
  <si>
    <t>北川557-102</t>
  </si>
  <si>
    <t>臼田学園</t>
    <rPh sb="2" eb="3">
      <t>ガク</t>
    </rPh>
    <phoneticPr fontId="1"/>
  </si>
  <si>
    <t>望月1729-6</t>
  </si>
  <si>
    <t>ワークハウス牧</t>
  </si>
  <si>
    <t>昭和55.4.1
（認可）</t>
    <phoneticPr fontId="1"/>
  </si>
  <si>
    <t>佐久こまば学園</t>
  </si>
  <si>
    <t>障害者支援施設</t>
    <rPh sb="3" eb="5">
      <t>シエン</t>
    </rPh>
    <phoneticPr fontId="1"/>
  </si>
  <si>
    <t>平成25.3.1</t>
    <rPh sb="0" eb="2">
      <t>ヘイセイ</t>
    </rPh>
    <phoneticPr fontId="1"/>
  </si>
  <si>
    <t>協和126-3</t>
    <rPh sb="0" eb="2">
      <t>キョウワ</t>
    </rPh>
    <phoneticPr fontId="1"/>
  </si>
  <si>
    <t>緑の牧場学園</t>
    <rPh sb="0" eb="1">
      <t>ミドリ</t>
    </rPh>
    <rPh sb="2" eb="4">
      <t>マキバ</t>
    </rPh>
    <rPh sb="4" eb="6">
      <t>ガクエン</t>
    </rPh>
    <phoneticPr fontId="1"/>
  </si>
  <si>
    <t>平成23.2.1</t>
    <rPh sb="0" eb="2">
      <t>ヘイセイ</t>
    </rPh>
    <phoneticPr fontId="1"/>
  </si>
  <si>
    <t>八幡1115-84</t>
    <rPh sb="0" eb="2">
      <t>ヤワタ</t>
    </rPh>
    <phoneticPr fontId="1"/>
  </si>
  <si>
    <t>平成24.10.1</t>
    <rPh sb="0" eb="2">
      <t>ヘイセイ</t>
    </rPh>
    <phoneticPr fontId="1"/>
  </si>
  <si>
    <t>猿久保331</t>
    <rPh sb="0" eb="1">
      <t>サル</t>
    </rPh>
    <rPh sb="1" eb="3">
      <t>クボ</t>
    </rPh>
    <phoneticPr fontId="1"/>
  </si>
  <si>
    <t>居宅支援事業所どんぐり</t>
    <rPh sb="0" eb="2">
      <t>キョタク</t>
    </rPh>
    <rPh sb="2" eb="4">
      <t>シエン</t>
    </rPh>
    <rPh sb="4" eb="6">
      <t>ジギョウ</t>
    </rPh>
    <rPh sb="6" eb="7">
      <t>ショ</t>
    </rPh>
    <phoneticPr fontId="1"/>
  </si>
  <si>
    <t>短期入所事業所</t>
    <rPh sb="0" eb="2">
      <t>タンキ</t>
    </rPh>
    <rPh sb="2" eb="4">
      <t>ニュウショ</t>
    </rPh>
    <rPh sb="4" eb="7">
      <t>ジギョウショ</t>
    </rPh>
    <phoneticPr fontId="1"/>
  </si>
  <si>
    <t>中込3100-3</t>
    <rPh sb="0" eb="2">
      <t>ナカゴミ</t>
    </rPh>
    <phoneticPr fontId="1"/>
  </si>
  <si>
    <t>就労移行支援事業所</t>
    <rPh sb="0" eb="2">
      <t>シュウロウ</t>
    </rPh>
    <rPh sb="2" eb="4">
      <t>イコウ</t>
    </rPh>
    <rPh sb="4" eb="6">
      <t>シエン</t>
    </rPh>
    <rPh sb="6" eb="8">
      <t>ジギョウ</t>
    </rPh>
    <rPh sb="8" eb="9">
      <t>ショ</t>
    </rPh>
    <phoneticPr fontId="1"/>
  </si>
  <si>
    <t>平成26.4.1</t>
    <rPh sb="0" eb="2">
      <t>ヘイセイ</t>
    </rPh>
    <phoneticPr fontId="1"/>
  </si>
  <si>
    <t>アレーズこまば</t>
    <phoneticPr fontId="1"/>
  </si>
  <si>
    <t>ひまわり</t>
    <phoneticPr fontId="1"/>
  </si>
  <si>
    <t>平成18.1.1</t>
    <phoneticPr fontId="1"/>
  </si>
  <si>
    <t>生活介護事業所</t>
    <rPh sb="0" eb="2">
      <t>セイカツ</t>
    </rPh>
    <rPh sb="2" eb="4">
      <t>カイゴ</t>
    </rPh>
    <rPh sb="4" eb="7">
      <t>ジギョウショ</t>
    </rPh>
    <phoneticPr fontId="1"/>
  </si>
  <si>
    <t>平成11.12.1</t>
    <phoneticPr fontId="1"/>
  </si>
  <si>
    <t>佐久コスモスワークス岸野</t>
    <rPh sb="10" eb="12">
      <t>キシノ</t>
    </rPh>
    <phoneticPr fontId="1"/>
  </si>
  <si>
    <t>平成4.4.1</t>
    <phoneticPr fontId="1"/>
  </si>
  <si>
    <t>佐久コスモスワークス</t>
  </si>
  <si>
    <t>平成16.4.1</t>
    <phoneticPr fontId="1"/>
  </si>
  <si>
    <t>取出町183</t>
    <phoneticPr fontId="1"/>
  </si>
  <si>
    <t>野沢共同作業センター</t>
    <phoneticPr fontId="1"/>
  </si>
  <si>
    <t>就労継続支援・生活介護事業所</t>
    <rPh sb="0" eb="2">
      <t>シュウロウ</t>
    </rPh>
    <rPh sb="2" eb="4">
      <t>ケイゾク</t>
    </rPh>
    <rPh sb="4" eb="6">
      <t>シエン</t>
    </rPh>
    <rPh sb="7" eb="9">
      <t>セイカツ</t>
    </rPh>
    <rPh sb="9" eb="11">
      <t>カイゴ</t>
    </rPh>
    <rPh sb="11" eb="13">
      <t>ジギョウ</t>
    </rPh>
    <rPh sb="13" eb="14">
      <t>ショ</t>
    </rPh>
    <phoneticPr fontId="1"/>
  </si>
  <si>
    <t>平成25.2.1</t>
    <rPh sb="0" eb="2">
      <t>ヘイセイ</t>
    </rPh>
    <phoneticPr fontId="1"/>
  </si>
  <si>
    <t>トライアングル</t>
    <phoneticPr fontId="1"/>
  </si>
  <si>
    <t>平賀4165-1</t>
    <phoneticPr fontId="1"/>
  </si>
  <si>
    <t>アシストこまば</t>
    <phoneticPr fontId="1"/>
  </si>
  <si>
    <t>平成元年4.1</t>
    <rPh sb="0" eb="2">
      <t>ヘイセイ</t>
    </rPh>
    <rPh sb="2" eb="4">
      <t>ガンネン</t>
    </rPh>
    <phoneticPr fontId="1"/>
  </si>
  <si>
    <t>鳴瀬602-17</t>
    <rPh sb="0" eb="2">
      <t>ナルセ</t>
    </rPh>
    <phoneticPr fontId="1"/>
  </si>
  <si>
    <t>すぎな作業所</t>
    <rPh sb="3" eb="5">
      <t>サギョウ</t>
    </rPh>
    <rPh sb="5" eb="6">
      <t>ジョ</t>
    </rPh>
    <phoneticPr fontId="1"/>
  </si>
  <si>
    <t>平成10.4.1</t>
    <phoneticPr fontId="1"/>
  </si>
  <si>
    <t>望月ひまわり共同作業センター</t>
    <rPh sb="0" eb="2">
      <t>モチヅキ</t>
    </rPh>
    <rPh sb="6" eb="8">
      <t>キョウドウ</t>
    </rPh>
    <rPh sb="8" eb="10">
      <t>サギョウ</t>
    </rPh>
    <phoneticPr fontId="1"/>
  </si>
  <si>
    <t>平成17.8.1</t>
    <phoneticPr fontId="1"/>
  </si>
  <si>
    <t>平成2.4.2</t>
    <rPh sb="0" eb="2">
      <t>ヘイセイ</t>
    </rPh>
    <phoneticPr fontId="1"/>
  </si>
  <si>
    <t>取出町183</t>
    <rPh sb="0" eb="1">
      <t>ト</t>
    </rPh>
    <rPh sb="1" eb="2">
      <t>デ</t>
    </rPh>
    <rPh sb="2" eb="3">
      <t>マチ</t>
    </rPh>
    <phoneticPr fontId="1"/>
  </si>
  <si>
    <t>佐久の泉共同作業センター</t>
    <rPh sb="0" eb="2">
      <t>サク</t>
    </rPh>
    <rPh sb="3" eb="4">
      <t>イズミ</t>
    </rPh>
    <rPh sb="4" eb="6">
      <t>キョウドウ</t>
    </rPh>
    <rPh sb="6" eb="8">
      <t>サギョウ</t>
    </rPh>
    <phoneticPr fontId="1"/>
  </si>
  <si>
    <t>平成9.4.1</t>
    <phoneticPr fontId="1"/>
  </si>
  <si>
    <t>塩名田548-5</t>
  </si>
  <si>
    <t>浅科ふれあいホーム</t>
    <phoneticPr fontId="1"/>
  </si>
  <si>
    <t>昭和57.4.1</t>
    <rPh sb="0" eb="2">
      <t>ショウワ</t>
    </rPh>
    <phoneticPr fontId="1"/>
  </si>
  <si>
    <t>下越16-5</t>
  </si>
  <si>
    <t>臼田共同作業センター</t>
    <phoneticPr fontId="1"/>
  </si>
  <si>
    <t>就労継続支援事業所</t>
    <rPh sb="0" eb="2">
      <t>シュウロウ</t>
    </rPh>
    <rPh sb="2" eb="4">
      <t>ケイゾク</t>
    </rPh>
    <rPh sb="4" eb="6">
      <t>シエン</t>
    </rPh>
    <rPh sb="6" eb="8">
      <t>ジギョウ</t>
    </rPh>
    <rPh sb="8" eb="9">
      <t>ショ</t>
    </rPh>
    <phoneticPr fontId="1"/>
  </si>
  <si>
    <t>平成19.4.1</t>
    <phoneticPr fontId="1"/>
  </si>
  <si>
    <t>特定非営利活動
法人ピアほっとさく</t>
    <rPh sb="0" eb="2">
      <t>トクテイ</t>
    </rPh>
    <rPh sb="2" eb="5">
      <t>ヒエイリ</t>
    </rPh>
    <rPh sb="5" eb="7">
      <t>カツドウ</t>
    </rPh>
    <rPh sb="8" eb="10">
      <t>ホウジン</t>
    </rPh>
    <phoneticPr fontId="1"/>
  </si>
  <si>
    <t>中込1-19-2</t>
    <rPh sb="0" eb="2">
      <t>ナカゴミ</t>
    </rPh>
    <phoneticPr fontId="1"/>
  </si>
  <si>
    <t>中込共同作業センター</t>
    <rPh sb="0" eb="2">
      <t>ナカゴミ</t>
    </rPh>
    <rPh sb="2" eb="4">
      <t>キョウドウ</t>
    </rPh>
    <rPh sb="4" eb="6">
      <t>サギョウ</t>
    </rPh>
    <phoneticPr fontId="1"/>
  </si>
  <si>
    <t>昭和56.8.1</t>
    <phoneticPr fontId="1"/>
  </si>
  <si>
    <t>佐久市手を
つなぐ育成会</t>
    <rPh sb="3" eb="4">
      <t>テ</t>
    </rPh>
    <rPh sb="9" eb="12">
      <t>イクセイカイ</t>
    </rPh>
    <phoneticPr fontId="1"/>
  </si>
  <si>
    <t>岩村田共同作業センター</t>
    <phoneticPr fontId="1"/>
  </si>
  <si>
    <t>地域活動支援センター</t>
    <rPh sb="0" eb="2">
      <t>チイキ</t>
    </rPh>
    <rPh sb="2" eb="3">
      <t>カツ</t>
    </rPh>
    <rPh sb="3" eb="4">
      <t>ドウ</t>
    </rPh>
    <rPh sb="4" eb="6">
      <t>シエン</t>
    </rPh>
    <phoneticPr fontId="1"/>
  </si>
  <si>
    <t>放課後等デイサービス事業所</t>
    <rPh sb="0" eb="3">
      <t>ホウカゴ</t>
    </rPh>
    <rPh sb="3" eb="4">
      <t>トウ</t>
    </rPh>
    <rPh sb="10" eb="13">
      <t>ジギョウショ</t>
    </rPh>
    <phoneticPr fontId="1"/>
  </si>
  <si>
    <t>児童発達支援・放課後等デイサービス事業所</t>
    <rPh sb="0" eb="2">
      <t>ジドウ</t>
    </rPh>
    <rPh sb="2" eb="4">
      <t>ハッタツ</t>
    </rPh>
    <rPh sb="4" eb="6">
      <t>シエン</t>
    </rPh>
    <rPh sb="7" eb="10">
      <t>ホウカゴ</t>
    </rPh>
    <rPh sb="10" eb="11">
      <t>トウ</t>
    </rPh>
    <rPh sb="17" eb="20">
      <t>ジギョウショ</t>
    </rPh>
    <phoneticPr fontId="1"/>
  </si>
  <si>
    <t>平成21.4.1</t>
    <rPh sb="0" eb="2">
      <t>ヘイセイ</t>
    </rPh>
    <phoneticPr fontId="1"/>
  </si>
  <si>
    <t>御馬寄1359-4</t>
    <rPh sb="0" eb="1">
      <t>オン</t>
    </rPh>
    <rPh sb="1" eb="2">
      <t>ウマ</t>
    </rPh>
    <phoneticPr fontId="1"/>
  </si>
  <si>
    <t>佐久市療育支援センター</t>
    <rPh sb="0" eb="3">
      <t>サクシ</t>
    </rPh>
    <rPh sb="3" eb="5">
      <t>リョウイク</t>
    </rPh>
    <rPh sb="5" eb="7">
      <t>シエン</t>
    </rPh>
    <phoneticPr fontId="1"/>
  </si>
  <si>
    <t>児童発達支援事業所</t>
    <rPh sb="0" eb="2">
      <t>ジドウ</t>
    </rPh>
    <rPh sb="2" eb="4">
      <t>ハッタツ</t>
    </rPh>
    <rPh sb="4" eb="6">
      <t>シエン</t>
    </rPh>
    <rPh sb="6" eb="8">
      <t>ジギョウ</t>
    </rPh>
    <rPh sb="8" eb="9">
      <t>ショ</t>
    </rPh>
    <phoneticPr fontId="1"/>
  </si>
  <si>
    <t>昭和56.4.１</t>
    <phoneticPr fontId="1"/>
  </si>
  <si>
    <t>佐久市農村婦人の家</t>
  </si>
  <si>
    <t>研修施設</t>
  </si>
  <si>
    <t>昭和36.11.15</t>
    <rPh sb="0" eb="2">
      <t>ショウワ</t>
    </rPh>
    <phoneticPr fontId="1"/>
  </si>
  <si>
    <t>甲14-2</t>
    <rPh sb="0" eb="1">
      <t>コウ</t>
    </rPh>
    <phoneticPr fontId="1"/>
  </si>
  <si>
    <t>浅科人権文化センター</t>
    <rPh sb="0" eb="2">
      <t>アサシナ</t>
    </rPh>
    <rPh sb="2" eb="4">
      <t>ジンケン</t>
    </rPh>
    <rPh sb="4" eb="6">
      <t>ブンカ</t>
    </rPh>
    <phoneticPr fontId="1"/>
  </si>
  <si>
    <t>昭和46.4.1</t>
    <rPh sb="0" eb="2">
      <t>ショウワ</t>
    </rPh>
    <phoneticPr fontId="1"/>
  </si>
  <si>
    <t>望月471-12</t>
  </si>
  <si>
    <t>望月人権文化センター</t>
  </si>
  <si>
    <t>昭和53.4.１</t>
    <phoneticPr fontId="1"/>
  </si>
  <si>
    <t>佐久市中央隣保館</t>
    <rPh sb="0" eb="3">
      <t>サクシ</t>
    </rPh>
    <rPh sb="3" eb="5">
      <t>チュウオウ</t>
    </rPh>
    <phoneticPr fontId="1"/>
  </si>
  <si>
    <t>隣保館</t>
  </si>
  <si>
    <t>平成17.4.1
（許可）</t>
    <rPh sb="0" eb="2">
      <t>ヘイセイ</t>
    </rPh>
    <phoneticPr fontId="1"/>
  </si>
  <si>
    <t>佐久市立国保浅間総合病院</t>
  </si>
  <si>
    <t>助産施設</t>
  </si>
  <si>
    <t>設置年月日</t>
  </si>
  <si>
    <t>経営主体</t>
  </si>
  <si>
    <t>所在地</t>
  </si>
  <si>
    <t>名称</t>
  </si>
  <si>
    <t>種別</t>
  </si>
  <si>
    <t>定員(人)</t>
    <rPh sb="3" eb="4">
      <t>ヒト</t>
    </rPh>
    <phoneticPr fontId="1"/>
  </si>
  <si>
    <t>資料：福祉課、高齢者福祉課</t>
    <rPh sb="0" eb="2">
      <t>シリョウ</t>
    </rPh>
    <rPh sb="3" eb="6">
      <t>フクシカ</t>
    </rPh>
    <rPh sb="7" eb="10">
      <t>コウレイシャ</t>
    </rPh>
    <rPh sb="10" eb="12">
      <t>フクシ</t>
    </rPh>
    <rPh sb="12" eb="13">
      <t>カ</t>
    </rPh>
    <phoneticPr fontId="1"/>
  </si>
  <si>
    <t>19-30　主要社会福祉施設の状況</t>
    <phoneticPr fontId="1"/>
  </si>
  <si>
    <t>臼田2175-1</t>
    <rPh sb="0" eb="2">
      <t>ウスダ</t>
    </rPh>
    <phoneticPr fontId="1"/>
  </si>
  <si>
    <t>一般22
認知 8</t>
    <rPh sb="5" eb="7">
      <t>ニンチ</t>
    </rPh>
    <phoneticPr fontId="1"/>
  </si>
  <si>
    <t>長期100
短期 20</t>
    <phoneticPr fontId="1"/>
  </si>
  <si>
    <t>長期50
短期 6</t>
    <phoneticPr fontId="1"/>
  </si>
  <si>
    <t>平成28.10.1</t>
    <rPh sb="0" eb="2">
      <t>ヘイセイ</t>
    </rPh>
    <phoneticPr fontId="1"/>
  </si>
  <si>
    <t>昭和54.4</t>
    <rPh sb="0" eb="2">
      <t>ショウワ</t>
    </rPh>
    <phoneticPr fontId="1"/>
  </si>
  <si>
    <t>中込1-17-8</t>
    <rPh sb="0" eb="2">
      <t>ナカゴミ</t>
    </rPh>
    <phoneticPr fontId="1"/>
  </si>
  <si>
    <t>らいおんハート遊びリテーション児童デイ佐久南</t>
    <rPh sb="7" eb="8">
      <t>アソ</t>
    </rPh>
    <rPh sb="15" eb="17">
      <t>ジドウ</t>
    </rPh>
    <rPh sb="19" eb="21">
      <t>サク</t>
    </rPh>
    <rPh sb="21" eb="22">
      <t>ミナミ</t>
    </rPh>
    <phoneticPr fontId="1"/>
  </si>
  <si>
    <t>前山321-3</t>
    <rPh sb="0" eb="2">
      <t>マエヤマ</t>
    </rPh>
    <phoneticPr fontId="1"/>
  </si>
  <si>
    <t>平成27.12.1</t>
    <rPh sb="0" eb="2">
      <t>ヘイセイ</t>
    </rPh>
    <phoneticPr fontId="1"/>
  </si>
  <si>
    <t>児童支援事業所どんぐり</t>
    <rPh sb="0" eb="2">
      <t>ジドウ</t>
    </rPh>
    <rPh sb="2" eb="4">
      <t>シエン</t>
    </rPh>
    <rPh sb="4" eb="6">
      <t>ジギョウ</t>
    </rPh>
    <rPh sb="6" eb="7">
      <t>ショ</t>
    </rPh>
    <phoneticPr fontId="1"/>
  </si>
  <si>
    <t>猿久保331</t>
    <rPh sb="0" eb="3">
      <t>サルクボ</t>
    </rPh>
    <phoneticPr fontId="1"/>
  </si>
  <si>
    <t>平成26.1.1</t>
    <rPh sb="0" eb="2">
      <t>ヘイセイ</t>
    </rPh>
    <phoneticPr fontId="1"/>
  </si>
  <si>
    <t>岩村田北1-12-7</t>
    <rPh sb="0" eb="3">
      <t>イワムラダ</t>
    </rPh>
    <rPh sb="3" eb="4">
      <t>キタ</t>
    </rPh>
    <phoneticPr fontId="1"/>
  </si>
  <si>
    <t>秋桜寮</t>
    <phoneticPr fontId="1"/>
  </si>
  <si>
    <t>八幡1113-9</t>
    <phoneticPr fontId="1"/>
  </si>
  <si>
    <t>グループホームしおなだ</t>
    <phoneticPr fontId="1"/>
  </si>
  <si>
    <t>塩名田456</t>
    <rPh sb="0" eb="3">
      <t>シオナダ</t>
    </rPh>
    <phoneticPr fontId="1"/>
  </si>
  <si>
    <t>平成28.5.1</t>
    <rPh sb="0" eb="2">
      <t>ヘイセイ</t>
    </rPh>
    <phoneticPr fontId="1"/>
  </si>
  <si>
    <t>臼田172-2</t>
    <phoneticPr fontId="1"/>
  </si>
  <si>
    <t>エトワール</t>
    <phoneticPr fontId="1"/>
  </si>
  <si>
    <t>臼田2278-1</t>
    <phoneticPr fontId="1"/>
  </si>
  <si>
    <t>平成27.11.1</t>
    <rPh sb="0" eb="2">
      <t>ヘイセイ</t>
    </rPh>
    <phoneticPr fontId="1"/>
  </si>
  <si>
    <t>平成27.4.1</t>
    <rPh sb="0" eb="2">
      <t>ヘイセイ</t>
    </rPh>
    <phoneticPr fontId="1"/>
  </si>
  <si>
    <t>中込3-2-13</t>
    <rPh sb="0" eb="2">
      <t>ナカゴミ</t>
    </rPh>
    <phoneticPr fontId="1"/>
  </si>
  <si>
    <t>ケイジンピアホーム中込</t>
    <rPh sb="9" eb="11">
      <t>ナカゴミ</t>
    </rPh>
    <phoneticPr fontId="1"/>
  </si>
  <si>
    <t>ワークサポートこすもす石神</t>
    <rPh sb="11" eb="13">
      <t>イシガミ</t>
    </rPh>
    <phoneticPr fontId="1"/>
  </si>
  <si>
    <t>中込1273-2</t>
    <rPh sb="0" eb="2">
      <t>ナカゴミ</t>
    </rPh>
    <phoneticPr fontId="1"/>
  </si>
  <si>
    <t>平成23.4.1</t>
    <phoneticPr fontId="1"/>
  </si>
  <si>
    <t>三河田の家Ⅱ</t>
    <rPh sb="0" eb="2">
      <t>ミカワ</t>
    </rPh>
    <rPh sb="2" eb="3">
      <t>タ</t>
    </rPh>
    <rPh sb="4" eb="5">
      <t>イエ</t>
    </rPh>
    <phoneticPr fontId="1"/>
  </si>
  <si>
    <t>平成29.10.1</t>
    <phoneticPr fontId="1"/>
  </si>
  <si>
    <t>グループホーム岸野</t>
    <rPh sb="7" eb="9">
      <t>キシノ</t>
    </rPh>
    <phoneticPr fontId="1"/>
  </si>
  <si>
    <t>伴野949-1</t>
    <rPh sb="0" eb="2">
      <t>トモノ</t>
    </rPh>
    <phoneticPr fontId="1"/>
  </si>
  <si>
    <t>平成29.4.1</t>
    <rPh sb="0" eb="2">
      <t>ヘイセイ</t>
    </rPh>
    <phoneticPr fontId="1"/>
  </si>
  <si>
    <t>平成28.5.1</t>
    <phoneticPr fontId="1"/>
  </si>
  <si>
    <t>社会福祉法人
佐久学舎</t>
    <phoneticPr fontId="1"/>
  </si>
  <si>
    <t>社会福祉法人
佐久学舎</t>
    <phoneticPr fontId="1"/>
  </si>
  <si>
    <t>らいおんハート放課後デイサービス佐久南</t>
    <rPh sb="7" eb="10">
      <t>ホウカゴ</t>
    </rPh>
    <rPh sb="16" eb="18">
      <t>サク</t>
    </rPh>
    <rPh sb="18" eb="19">
      <t>ミナミ</t>
    </rPh>
    <phoneticPr fontId="1"/>
  </si>
  <si>
    <t>平成29.11.1</t>
    <rPh sb="0" eb="2">
      <t>ヘイセイ</t>
    </rPh>
    <phoneticPr fontId="1"/>
  </si>
  <si>
    <t>うすだコスモ苑</t>
    <rPh sb="5" eb="6">
      <t>エン</t>
    </rPh>
    <phoneticPr fontId="1"/>
  </si>
  <si>
    <t>臼田86</t>
    <rPh sb="0" eb="2">
      <t>ウスダ</t>
    </rPh>
    <phoneticPr fontId="1"/>
  </si>
  <si>
    <t>平成30.4.1（開設）</t>
    <rPh sb="0" eb="2">
      <t>ヘイセイ</t>
    </rPh>
    <rPh sb="9" eb="11">
      <t>カイセツ</t>
    </rPh>
    <phoneticPr fontId="1"/>
  </si>
  <si>
    <t>うすだコスモ苑</t>
    <rPh sb="6" eb="7">
      <t>エン</t>
    </rPh>
    <phoneticPr fontId="1"/>
  </si>
  <si>
    <t>グループホーム
新子田の家</t>
    <rPh sb="7" eb="10">
      <t>アラコダ</t>
    </rPh>
    <rPh sb="11" eb="12">
      <t>イエ</t>
    </rPh>
    <phoneticPr fontId="1"/>
  </si>
  <si>
    <t>岩村田2213-8　2F</t>
    <rPh sb="0" eb="3">
      <t>イワムラダ</t>
    </rPh>
    <phoneticPr fontId="1"/>
  </si>
  <si>
    <t>岩村田1862-1</t>
    <phoneticPr fontId="1"/>
  </si>
  <si>
    <t>佐久市</t>
    <phoneticPr fontId="1"/>
  </si>
  <si>
    <t>第二佐久コスモスワークス</t>
    <phoneticPr fontId="1"/>
  </si>
  <si>
    <t>ワークサポートこすもす中込</t>
    <rPh sb="11" eb="13">
      <t>ナカゴミ</t>
    </rPh>
    <phoneticPr fontId="1"/>
  </si>
  <si>
    <t>三河田の家Ⅰ</t>
    <rPh sb="0" eb="2">
      <t>ミカワ</t>
    </rPh>
    <rPh sb="2" eb="3">
      <t>タ</t>
    </rPh>
    <rPh sb="4" eb="5">
      <t>イエ</t>
    </rPh>
    <phoneticPr fontId="1"/>
  </si>
  <si>
    <t>昭和51.1.31
平成30.3.31（閉鎖）</t>
    <rPh sb="0" eb="2">
      <t>ショウワ</t>
    </rPh>
    <rPh sb="10" eb="12">
      <t>ヘイセイ</t>
    </rPh>
    <rPh sb="20" eb="22">
      <t>ヘイサ</t>
    </rPh>
    <phoneticPr fontId="1"/>
  </si>
  <si>
    <t>昭和50.4
平成30.3.31（閉鎖）</t>
    <rPh sb="0" eb="2">
      <t>ショウワ</t>
    </rPh>
    <rPh sb="7" eb="9">
      <t>ヘイセイ</t>
    </rPh>
    <rPh sb="17" eb="19">
      <t>ヘイサ</t>
    </rPh>
    <phoneticPr fontId="1"/>
  </si>
  <si>
    <t>平成2.5.8
平成30.3.31（閉所）</t>
    <rPh sb="0" eb="2">
      <t>ヘイセイ</t>
    </rPh>
    <rPh sb="8" eb="10">
      <t>ヘイセイ</t>
    </rPh>
    <rPh sb="18" eb="20">
      <t>ヘイショ</t>
    </rPh>
    <phoneticPr fontId="1"/>
  </si>
  <si>
    <t>らいおんハートからだの児童デイサービス佐久南</t>
    <rPh sb="11" eb="13">
      <t>ジドウ</t>
    </rPh>
    <rPh sb="19" eb="21">
      <t>サク</t>
    </rPh>
    <rPh sb="21" eb="22">
      <t>ミナミ</t>
    </rPh>
    <phoneticPr fontId="1"/>
  </si>
  <si>
    <t>平成30.9.1</t>
    <rPh sb="0" eb="2">
      <t>ヘイセイ</t>
    </rPh>
    <phoneticPr fontId="1"/>
  </si>
  <si>
    <t>長土呂587-6</t>
    <rPh sb="0" eb="3">
      <t>ナガトロ</t>
    </rPh>
    <phoneticPr fontId="1"/>
  </si>
  <si>
    <t>平成30.7.1</t>
    <rPh sb="0" eb="2">
      <t>ヘイセイ</t>
    </rPh>
    <phoneticPr fontId="1"/>
  </si>
  <si>
    <t>ケイジンピアスペースなかごみ</t>
    <phoneticPr fontId="1"/>
  </si>
  <si>
    <t>中込3-2-8</t>
    <rPh sb="0" eb="2">
      <t>ナカゴミ</t>
    </rPh>
    <phoneticPr fontId="1"/>
  </si>
  <si>
    <t>平成30.10.1</t>
    <rPh sb="0" eb="2">
      <t>ヘイセイ</t>
    </rPh>
    <phoneticPr fontId="1"/>
  </si>
  <si>
    <t>いつも。</t>
    <phoneticPr fontId="1"/>
  </si>
  <si>
    <t>原454</t>
    <rPh sb="0" eb="1">
      <t>ハラ</t>
    </rPh>
    <phoneticPr fontId="1"/>
  </si>
  <si>
    <t>株式会社Intergrity</t>
    <rPh sb="0" eb="4">
      <t>カブシキガイシャ</t>
    </rPh>
    <phoneticPr fontId="1"/>
  </si>
  <si>
    <t>平成30.12.1</t>
    <rPh sb="0" eb="2">
      <t>ヘイセイ</t>
    </rPh>
    <phoneticPr fontId="1"/>
  </si>
  <si>
    <t>ジョブテラス山の畑</t>
    <rPh sb="6" eb="7">
      <t>ヤマ</t>
    </rPh>
    <rPh sb="8" eb="9">
      <t>ハタケ</t>
    </rPh>
    <phoneticPr fontId="1"/>
  </si>
  <si>
    <t>平成30.11.1</t>
    <rPh sb="0" eb="2">
      <t>ヘイセイ</t>
    </rPh>
    <phoneticPr fontId="1"/>
  </si>
  <si>
    <t>就労継続支援・就労移行支援</t>
    <rPh sb="7" eb="9">
      <t>シュウロウ</t>
    </rPh>
    <rPh sb="9" eb="11">
      <t>イコウ</t>
    </rPh>
    <rPh sb="11" eb="13">
      <t>シエン</t>
    </rPh>
    <phoneticPr fontId="1"/>
  </si>
  <si>
    <t>しょう×あさま</t>
    <phoneticPr fontId="1"/>
  </si>
  <si>
    <t>一般社団法人しょう</t>
    <rPh sb="0" eb="2">
      <t>イッパン</t>
    </rPh>
    <rPh sb="2" eb="4">
      <t>シャダン</t>
    </rPh>
    <rPh sb="4" eb="6">
      <t>ホウジン</t>
    </rPh>
    <phoneticPr fontId="1"/>
  </si>
  <si>
    <t>宅幼老所のんびり（共生型）</t>
    <rPh sb="0" eb="1">
      <t>タク</t>
    </rPh>
    <rPh sb="1" eb="2">
      <t>ヨウ</t>
    </rPh>
    <rPh sb="2" eb="3">
      <t>ロウ</t>
    </rPh>
    <rPh sb="3" eb="4">
      <t>ジョ</t>
    </rPh>
    <rPh sb="9" eb="12">
      <t>キョウセイガタ</t>
    </rPh>
    <phoneticPr fontId="1"/>
  </si>
  <si>
    <t>上平尾1045</t>
    <rPh sb="0" eb="1">
      <t>カミ</t>
    </rPh>
    <rPh sb="1" eb="3">
      <t>ヒラオ</t>
    </rPh>
    <phoneticPr fontId="1"/>
  </si>
  <si>
    <t>特定非営利活動法人のんびり</t>
    <rPh sb="0" eb="2">
      <t>トクテイ</t>
    </rPh>
    <rPh sb="2" eb="5">
      <t>ヒエイリ</t>
    </rPh>
    <rPh sb="5" eb="7">
      <t>カツドウ</t>
    </rPh>
    <rPh sb="7" eb="9">
      <t>ホウジン</t>
    </rPh>
    <phoneticPr fontId="1"/>
  </si>
  <si>
    <t>平成30.8.1</t>
    <rPh sb="0" eb="2">
      <t>ヘイセイ</t>
    </rPh>
    <phoneticPr fontId="1"/>
  </si>
  <si>
    <t>ケイジンピアスペースなかごみ</t>
    <phoneticPr fontId="1"/>
  </si>
  <si>
    <t>コスモスの家2号棟</t>
    <rPh sb="5" eb="6">
      <t>イエ</t>
    </rPh>
    <rPh sb="7" eb="9">
      <t>ゴウトウ</t>
    </rPh>
    <phoneticPr fontId="1"/>
  </si>
  <si>
    <t>取出町196-2</t>
    <rPh sb="0" eb="3">
      <t>トリデマチ</t>
    </rPh>
    <phoneticPr fontId="1"/>
  </si>
  <si>
    <t>佐久平・浅間地域
包括支援センター</t>
    <rPh sb="0" eb="2">
      <t>サク</t>
    </rPh>
    <rPh sb="2" eb="3">
      <t>ダイラ</t>
    </rPh>
    <rPh sb="4" eb="6">
      <t>アサマ</t>
    </rPh>
    <rPh sb="6" eb="8">
      <t>チイキ</t>
    </rPh>
    <rPh sb="9" eb="13">
      <t>ホウカツシエン</t>
    </rPh>
    <phoneticPr fontId="1"/>
  </si>
  <si>
    <t>長土呂907-1</t>
    <rPh sb="0" eb="3">
      <t>ナガトロ</t>
    </rPh>
    <phoneticPr fontId="1"/>
  </si>
  <si>
    <t>平成31.4.1</t>
    <rPh sb="0" eb="2">
      <t>ヘイセイ</t>
    </rPh>
    <phoneticPr fontId="1"/>
  </si>
  <si>
    <t>平成18.4.1</t>
    <phoneticPr fontId="1"/>
  </si>
  <si>
    <t>平成18.4.1</t>
    <phoneticPr fontId="1"/>
  </si>
  <si>
    <t>平成18.4.1</t>
    <phoneticPr fontId="1"/>
  </si>
  <si>
    <t>野沢地域
包括支援センター</t>
    <rPh sb="0" eb="2">
      <t>ノザワ</t>
    </rPh>
    <rPh sb="2" eb="4">
      <t>チイキ</t>
    </rPh>
    <rPh sb="5" eb="7">
      <t>ホウカツ</t>
    </rPh>
    <rPh sb="7" eb="9">
      <t>シエン</t>
    </rPh>
    <phoneticPr fontId="1"/>
  </si>
  <si>
    <r>
      <t>中込</t>
    </r>
    <r>
      <rPr>
        <sz val="10"/>
        <rFont val="ＭＳ 明朝"/>
        <family val="1"/>
        <charset val="128"/>
      </rPr>
      <t>地域
包括支援センター</t>
    </r>
    <rPh sb="0" eb="2">
      <t>ナカゴミ</t>
    </rPh>
    <rPh sb="2" eb="4">
      <t>チイキ</t>
    </rPh>
    <rPh sb="5" eb="7">
      <t>ホウカツ</t>
    </rPh>
    <rPh sb="7" eb="9">
      <t>シエン</t>
    </rPh>
    <phoneticPr fontId="1"/>
  </si>
  <si>
    <t>八幡241-1</t>
    <rPh sb="0" eb="2">
      <t>ヤワタ</t>
    </rPh>
    <phoneticPr fontId="1"/>
  </si>
  <si>
    <r>
      <rPr>
        <sz val="9"/>
        <rFont val="ＭＳ 明朝"/>
        <family val="1"/>
        <charset val="128"/>
      </rPr>
      <t>ケイジンピアサポートセンター</t>
    </r>
    <r>
      <rPr>
        <sz val="10"/>
        <rFont val="ＭＳ 明朝"/>
        <family val="1"/>
        <charset val="128"/>
      </rPr>
      <t xml:space="preserve">
もちづき</t>
    </r>
    <phoneticPr fontId="1"/>
  </si>
  <si>
    <t>放課後等児童デイサービス
たんと</t>
    <rPh sb="0" eb="3">
      <t>ホウカゴ</t>
    </rPh>
    <rPh sb="3" eb="4">
      <t>トウ</t>
    </rPh>
    <rPh sb="4" eb="6">
      <t>ジドウ</t>
    </rPh>
    <phoneticPr fontId="1"/>
  </si>
  <si>
    <t>社会医療法人
恵仁会</t>
    <phoneticPr fontId="1"/>
  </si>
  <si>
    <t>社会医療法人
恵仁会</t>
    <rPh sb="0" eb="2">
      <t>シャカイ</t>
    </rPh>
    <rPh sb="2" eb="4">
      <t>イリョウ</t>
    </rPh>
    <rPh sb="4" eb="6">
      <t>ホウジン</t>
    </rPh>
    <rPh sb="7" eb="8">
      <t>ケイ</t>
    </rPh>
    <rPh sb="8" eb="9">
      <t>ジン</t>
    </rPh>
    <rPh sb="9" eb="10">
      <t>カイ</t>
    </rPh>
    <phoneticPr fontId="1"/>
  </si>
  <si>
    <t>社会医療法人
恵仁会</t>
    <phoneticPr fontId="1"/>
  </si>
  <si>
    <t>社会福祉法人
佐久コスモス
福祉会</t>
    <phoneticPr fontId="1"/>
  </si>
  <si>
    <t>社会医療法人
恵仁会</t>
    <rPh sb="0" eb="2">
      <t>シャカイ</t>
    </rPh>
    <rPh sb="2" eb="4">
      <t>イリョウ</t>
    </rPh>
    <rPh sb="4" eb="6">
      <t>ホウジン</t>
    </rPh>
    <rPh sb="7" eb="8">
      <t>ケイ</t>
    </rPh>
    <rPh sb="8" eb="9">
      <t>ニン</t>
    </rPh>
    <rPh sb="9" eb="10">
      <t>カイ</t>
    </rPh>
    <phoneticPr fontId="1"/>
  </si>
  <si>
    <t>社会福祉法人
佐久福寿園</t>
    <rPh sb="6" eb="8">
      <t>サク</t>
    </rPh>
    <rPh sb="8" eb="10">
      <t>フクジュ</t>
    </rPh>
    <rPh sb="10" eb="11">
      <t>エン</t>
    </rPh>
    <phoneticPr fontId="1"/>
  </si>
  <si>
    <t>社会福祉法人
里仁会</t>
    <rPh sb="6" eb="7">
      <t>サト</t>
    </rPh>
    <rPh sb="7" eb="8">
      <t>ジン</t>
    </rPh>
    <rPh sb="8" eb="9">
      <t>カイ</t>
    </rPh>
    <phoneticPr fontId="1"/>
  </si>
  <si>
    <t>社会福祉法人
佐久平福祉会</t>
    <rPh sb="6" eb="8">
      <t>サク</t>
    </rPh>
    <rPh sb="8" eb="9">
      <t>タイラ</t>
    </rPh>
    <rPh sb="9" eb="11">
      <t>フクシ</t>
    </rPh>
    <rPh sb="11" eb="12">
      <t>カイ</t>
    </rPh>
    <phoneticPr fontId="1"/>
  </si>
  <si>
    <t>社会福祉法人
佐久市社会
福祉協議会</t>
    <rPh sb="7" eb="10">
      <t>サクシ</t>
    </rPh>
    <rPh sb="10" eb="12">
      <t>シャカイ</t>
    </rPh>
    <rPh sb="13" eb="15">
      <t>フクシ</t>
    </rPh>
    <rPh sb="15" eb="18">
      <t>キョウギカイ</t>
    </rPh>
    <phoneticPr fontId="1"/>
  </si>
  <si>
    <t>社会福祉法人
佐久平福祉会</t>
    <rPh sb="7" eb="10">
      <t>サクダイラ</t>
    </rPh>
    <phoneticPr fontId="1"/>
  </si>
  <si>
    <t>株式会社
マイフェア立</t>
    <rPh sb="0" eb="3">
      <t>カブシキガイシャ</t>
    </rPh>
    <rPh sb="9" eb="10">
      <t>タ</t>
    </rPh>
    <phoneticPr fontId="1"/>
  </si>
  <si>
    <t>社会福祉法人
佐久平福祉会</t>
    <rPh sb="6" eb="9">
      <t>サクダイラ</t>
    </rPh>
    <phoneticPr fontId="1"/>
  </si>
  <si>
    <t>社会福祉法人
佐久平福祉会</t>
    <rPh sb="7" eb="10">
      <t>サクダイラ</t>
    </rPh>
    <rPh sb="10" eb="12">
      <t>フクシ</t>
    </rPh>
    <rPh sb="12" eb="13">
      <t>カイ</t>
    </rPh>
    <phoneticPr fontId="1"/>
  </si>
  <si>
    <t>社会福祉法人
佐久平福祉会</t>
    <phoneticPr fontId="1"/>
  </si>
  <si>
    <t>佐久市生活改善
グループ連絡
協議会</t>
    <rPh sb="0" eb="3">
      <t>サクシ</t>
    </rPh>
    <rPh sb="3" eb="5">
      <t>セイカツ</t>
    </rPh>
    <rPh sb="5" eb="7">
      <t>カイゼン</t>
    </rPh>
    <rPh sb="12" eb="14">
      <t>レンラク</t>
    </rPh>
    <rPh sb="15" eb="18">
      <t>キョウギカイ</t>
    </rPh>
    <phoneticPr fontId="1"/>
  </si>
  <si>
    <r>
      <rPr>
        <sz val="9"/>
        <rFont val="ＭＳ 明朝"/>
        <family val="1"/>
        <charset val="128"/>
      </rPr>
      <t>ケイジンピアサポートセンター</t>
    </r>
    <r>
      <rPr>
        <sz val="10"/>
        <rFont val="ＭＳ 明朝"/>
        <family val="1"/>
        <charset val="128"/>
      </rPr>
      <t xml:space="preserve">
もちづき</t>
    </r>
    <phoneticPr fontId="1"/>
  </si>
  <si>
    <t>佐久市福祉総合センター
ボランティアセンター</t>
    <phoneticPr fontId="1"/>
  </si>
  <si>
    <t>グループホーム虹</t>
    <rPh sb="7" eb="8">
      <t>ニジ</t>
    </rPh>
    <phoneticPr fontId="1"/>
  </si>
  <si>
    <t>猿久保619-11</t>
    <rPh sb="0" eb="3">
      <t>サルクボ</t>
    </rPh>
    <phoneticPr fontId="1"/>
  </si>
  <si>
    <t>株式会社
令和笑店</t>
    <rPh sb="0" eb="4">
      <t>カブシキガイシャ</t>
    </rPh>
    <rPh sb="5" eb="7">
      <t>レイワ</t>
    </rPh>
    <rPh sb="7" eb="8">
      <t>ワラ</t>
    </rPh>
    <rPh sb="8" eb="9">
      <t>テン</t>
    </rPh>
    <phoneticPr fontId="1"/>
  </si>
  <si>
    <t>令和2.2.1</t>
    <rPh sb="0" eb="2">
      <t>レイワ</t>
    </rPh>
    <phoneticPr fontId="1"/>
  </si>
  <si>
    <t>長期50
短期 8</t>
    <phoneticPr fontId="1"/>
  </si>
  <si>
    <t>長期100
短期  4</t>
    <phoneticPr fontId="1"/>
  </si>
  <si>
    <t>ウェルガーデン佐久</t>
    <rPh sb="7" eb="9">
      <t>サク</t>
    </rPh>
    <phoneticPr fontId="1"/>
  </si>
  <si>
    <t>野沢333-1</t>
    <rPh sb="0" eb="2">
      <t>ノザワ</t>
    </rPh>
    <phoneticPr fontId="1"/>
  </si>
  <si>
    <t>平成9.4.1</t>
    <rPh sb="0" eb="2">
      <t>ヘイセイ</t>
    </rPh>
    <phoneticPr fontId="1"/>
  </si>
  <si>
    <t>ケアハウス佐久だいら</t>
    <rPh sb="5" eb="7">
      <t>サク</t>
    </rPh>
    <phoneticPr fontId="1"/>
  </si>
  <si>
    <t>常田77-1</t>
    <rPh sb="0" eb="2">
      <t>トキダ</t>
    </rPh>
    <phoneticPr fontId="1"/>
  </si>
  <si>
    <t>平成15.4.8</t>
    <rPh sb="0" eb="2">
      <t>ヘイセイ</t>
    </rPh>
    <phoneticPr fontId="1"/>
  </si>
  <si>
    <t>ケアハウス佐久だいら南</t>
    <rPh sb="5" eb="7">
      <t>サク</t>
    </rPh>
    <rPh sb="10" eb="11">
      <t>ミナミ</t>
    </rPh>
    <phoneticPr fontId="1"/>
  </si>
  <si>
    <t>根々井816-1</t>
    <rPh sb="0" eb="3">
      <t>ネネイ</t>
    </rPh>
    <phoneticPr fontId="1"/>
  </si>
  <si>
    <t>令和2.7.1</t>
    <rPh sb="0" eb="2">
      <t>レイワ</t>
    </rPh>
    <phoneticPr fontId="1"/>
  </si>
  <si>
    <t>昭和50.4
令和2.3.31（閉鎖）</t>
    <rPh sb="7" eb="9">
      <t>レイワ</t>
    </rPh>
    <phoneticPr fontId="1"/>
  </si>
  <si>
    <t>社会医療法人
恵仁会</t>
    <rPh sb="0" eb="2">
      <t>シャカイ</t>
    </rPh>
    <rPh sb="2" eb="4">
      <t>イリョウ</t>
    </rPh>
    <rPh sb="4" eb="6">
      <t>ホウジン</t>
    </rPh>
    <rPh sb="7" eb="8">
      <t>メグ</t>
    </rPh>
    <rPh sb="8" eb="9">
      <t>ジン</t>
    </rPh>
    <rPh sb="9" eb="10">
      <t>カイ</t>
    </rPh>
    <phoneticPr fontId="1"/>
  </si>
  <si>
    <t>長土呂865-1</t>
    <rPh sb="0" eb="3">
      <t>ナガトロ</t>
    </rPh>
    <phoneticPr fontId="1"/>
  </si>
  <si>
    <t>平成30.4.1</t>
    <rPh sb="0" eb="2">
      <t>ヘイセイ</t>
    </rPh>
    <phoneticPr fontId="1"/>
  </si>
  <si>
    <t>中込3-15-6</t>
    <rPh sb="0" eb="2">
      <t>ナカゴミ</t>
    </rPh>
    <phoneticPr fontId="1"/>
  </si>
  <si>
    <t>社会福祉法人
佐久コスモス
福祉会</t>
    <phoneticPr fontId="1"/>
  </si>
  <si>
    <t>岩村田1862-1</t>
    <phoneticPr fontId="1"/>
  </si>
  <si>
    <t>瀬戸1177-2</t>
    <phoneticPr fontId="1"/>
  </si>
  <si>
    <t>瀬戸1201-1</t>
    <phoneticPr fontId="1"/>
  </si>
  <si>
    <t>大沢1280-1</t>
    <phoneticPr fontId="1"/>
  </si>
  <si>
    <t>甲1691-1</t>
    <rPh sb="0" eb="1">
      <t>コウ</t>
    </rPh>
    <phoneticPr fontId="1"/>
  </si>
  <si>
    <t>長土呂184-1</t>
    <rPh sb="0" eb="3">
      <t>ナガトロ</t>
    </rPh>
    <phoneticPr fontId="1"/>
  </si>
  <si>
    <t>岩村田1880-5</t>
    <phoneticPr fontId="1"/>
  </si>
  <si>
    <t>伴野953-1</t>
    <phoneticPr fontId="1"/>
  </si>
  <si>
    <t>大沢1280-1</t>
    <phoneticPr fontId="1"/>
  </si>
  <si>
    <t>瀬戸70-3</t>
    <phoneticPr fontId="1"/>
  </si>
  <si>
    <t>瀬戸70-2</t>
    <phoneticPr fontId="1"/>
  </si>
  <si>
    <t>岩村田1862-1</t>
    <phoneticPr fontId="1"/>
  </si>
  <si>
    <t>瀬戸70-2</t>
    <phoneticPr fontId="1"/>
  </si>
  <si>
    <t>猿久保249-2</t>
    <phoneticPr fontId="1"/>
  </si>
  <si>
    <t>猿久保248-1</t>
    <phoneticPr fontId="1"/>
  </si>
  <si>
    <t>下小田切11-3</t>
    <rPh sb="0" eb="1">
      <t>シタ</t>
    </rPh>
    <rPh sb="1" eb="4">
      <t>オタギリ</t>
    </rPh>
    <phoneticPr fontId="1"/>
  </si>
  <si>
    <t>佐久市浅科生きがい活動
支援センター</t>
    <rPh sb="0" eb="3">
      <t>サクシ</t>
    </rPh>
    <phoneticPr fontId="1"/>
  </si>
  <si>
    <t>社会福祉法人
望月悠玄福祉会</t>
    <phoneticPr fontId="1"/>
  </si>
  <si>
    <t>社会福祉法人
信濃佐久福祉会</t>
    <rPh sb="7" eb="9">
      <t>シナノ</t>
    </rPh>
    <rPh sb="9" eb="11">
      <t>サク</t>
    </rPh>
    <rPh sb="11" eb="13">
      <t>フクシ</t>
    </rPh>
    <rPh sb="13" eb="14">
      <t>カイ</t>
    </rPh>
    <phoneticPr fontId="1"/>
  </si>
  <si>
    <t>社会福祉法人
山栄会</t>
    <rPh sb="7" eb="10">
      <t>サンエイカイ</t>
    </rPh>
    <phoneticPr fontId="1"/>
  </si>
  <si>
    <t>介護老人保健施設
愛の郷サテライト</t>
    <rPh sb="0" eb="8">
      <t>カイゴロウジンホケンシセツ</t>
    </rPh>
    <rPh sb="9" eb="10">
      <t>メグミ</t>
    </rPh>
    <rPh sb="11" eb="12">
      <t>サト</t>
    </rPh>
    <phoneticPr fontId="1"/>
  </si>
  <si>
    <t>サテライト介護老人保健施設
なかごみ</t>
    <rPh sb="5" eb="7">
      <t>カイゴ</t>
    </rPh>
    <rPh sb="7" eb="9">
      <t>ロウジン</t>
    </rPh>
    <rPh sb="9" eb="11">
      <t>ホケン</t>
    </rPh>
    <rPh sb="11" eb="13">
      <t>シセツ</t>
    </rPh>
    <phoneticPr fontId="1"/>
  </si>
  <si>
    <t>岩村田1880-4</t>
    <phoneticPr fontId="1"/>
  </si>
  <si>
    <t>株式会社
さくら福祉会</t>
    <rPh sb="0" eb="4">
      <t>カブシキガイシャ</t>
    </rPh>
    <rPh sb="8" eb="10">
      <t>フクシ</t>
    </rPh>
    <rPh sb="10" eb="11">
      <t>カイ</t>
    </rPh>
    <phoneticPr fontId="1"/>
  </si>
  <si>
    <t>佐久市</t>
    <phoneticPr fontId="1"/>
  </si>
  <si>
    <t>佐久市</t>
    <phoneticPr fontId="1"/>
  </si>
  <si>
    <t>佐久市</t>
    <phoneticPr fontId="1"/>
  </si>
  <si>
    <t>佐久市</t>
    <phoneticPr fontId="1"/>
  </si>
  <si>
    <t>一般社団法人
医療介護ケア協会</t>
    <rPh sb="0" eb="2">
      <t>イッパン</t>
    </rPh>
    <rPh sb="2" eb="4">
      <t>シャダン</t>
    </rPh>
    <rPh sb="4" eb="6">
      <t>ホウジン</t>
    </rPh>
    <rPh sb="7" eb="9">
      <t>イリョウ</t>
    </rPh>
    <rPh sb="9" eb="11">
      <t>カイゴ</t>
    </rPh>
    <rPh sb="13" eb="15">
      <t>キョウカイ</t>
    </rPh>
    <phoneticPr fontId="1"/>
  </si>
  <si>
    <t>特定非営利活動法人
たんと</t>
    <rPh sb="0" eb="2">
      <t>トクテイ</t>
    </rPh>
    <rPh sb="2" eb="5">
      <t>ヒエイリ</t>
    </rPh>
    <rPh sb="5" eb="7">
      <t>カツドウ</t>
    </rPh>
    <rPh sb="7" eb="9">
      <t>ホウジン</t>
    </rPh>
    <phoneticPr fontId="1"/>
  </si>
  <si>
    <t>特定非営利活動法人
ウィズハートさく</t>
    <rPh sb="0" eb="2">
      <t>トクテイ</t>
    </rPh>
    <rPh sb="2" eb="3">
      <t>ヒ</t>
    </rPh>
    <rPh sb="3" eb="5">
      <t>エイリ</t>
    </rPh>
    <rPh sb="5" eb="7">
      <t>カツドウ</t>
    </rPh>
    <rPh sb="7" eb="9">
      <t>ホウジン</t>
    </rPh>
    <phoneticPr fontId="1"/>
  </si>
  <si>
    <t>社会福祉法人
望月悠玄福祉会</t>
    <phoneticPr fontId="1"/>
  </si>
  <si>
    <t>特定非営利活動法人
佐久福祉事業団体
傘の会</t>
    <rPh sb="0" eb="2">
      <t>トクテイ</t>
    </rPh>
    <rPh sb="2" eb="5">
      <t>ヒエイリ</t>
    </rPh>
    <rPh sb="5" eb="7">
      <t>カツドウ</t>
    </rPh>
    <rPh sb="7" eb="9">
      <t>ホウジン</t>
    </rPh>
    <rPh sb="10" eb="12">
      <t>サク</t>
    </rPh>
    <rPh sb="12" eb="14">
      <t>フクシ</t>
    </rPh>
    <rPh sb="14" eb="16">
      <t>ジギョウ</t>
    </rPh>
    <rPh sb="16" eb="18">
      <t>ダンタイ</t>
    </rPh>
    <rPh sb="19" eb="20">
      <t>カサ</t>
    </rPh>
    <rPh sb="21" eb="22">
      <t>カイ</t>
    </rPh>
    <phoneticPr fontId="1"/>
  </si>
  <si>
    <t>一般社団法人
トライアングル</t>
    <rPh sb="0" eb="2">
      <t>イッパン</t>
    </rPh>
    <rPh sb="2" eb="6">
      <t>シャダンホウジン</t>
    </rPh>
    <phoneticPr fontId="1"/>
  </si>
  <si>
    <t>特定非営利活動法人
つくし</t>
    <phoneticPr fontId="1"/>
  </si>
  <si>
    <t>特定非営利活動法人
ウィズハートさく</t>
    <phoneticPr fontId="1"/>
  </si>
  <si>
    <t>特定非営利活動法人
ウィズハートさく</t>
    <phoneticPr fontId="1"/>
  </si>
  <si>
    <t>社会福祉法人
ジェイエー長野会</t>
    <rPh sb="12" eb="15">
      <t>ナガノカイ</t>
    </rPh>
    <phoneticPr fontId="1"/>
  </si>
  <si>
    <t>長野県厚生農業
協同組合連合会
佐久総合病院</t>
    <rPh sb="0" eb="3">
      <t>ナガノケン</t>
    </rPh>
    <rPh sb="3" eb="5">
      <t>コウセイ</t>
    </rPh>
    <rPh sb="5" eb="7">
      <t>ノウギョウ</t>
    </rPh>
    <rPh sb="8" eb="10">
      <t>キョウドウ</t>
    </rPh>
    <rPh sb="10" eb="12">
      <t>クミアイ</t>
    </rPh>
    <rPh sb="12" eb="15">
      <t>レンゴウカイ</t>
    </rPh>
    <rPh sb="16" eb="18">
      <t>サク</t>
    </rPh>
    <rPh sb="18" eb="20">
      <t>ソウゴウ</t>
    </rPh>
    <rPh sb="20" eb="22">
      <t>ビョウ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11"/>
      <name val="ＭＳ 明朝"/>
      <family val="1"/>
      <charset val="128"/>
    </font>
    <font>
      <sz val="10"/>
      <color rgb="FF0070C0"/>
      <name val="ＭＳ 明朝"/>
      <family val="1"/>
      <charset val="128"/>
    </font>
    <font>
      <sz val="10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/>
    <xf numFmtId="38" fontId="2" fillId="0" borderId="0" applyFont="0" applyFill="0" applyBorder="0" applyAlignment="0" applyProtection="0"/>
  </cellStyleXfs>
  <cellXfs count="53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57" fontId="6" fillId="0" borderId="0" xfId="0" applyNumberFormat="1" applyFont="1" applyBorder="1" applyAlignment="1">
      <alignment horizontal="center"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Border="1" applyAlignment="1">
      <alignment vertical="center" wrapText="1"/>
    </xf>
    <xf numFmtId="0" fontId="6" fillId="0" borderId="0" xfId="0" applyFont="1" applyBorder="1" applyAlignment="1">
      <alignment vertical="center" shrinkToFit="1"/>
    </xf>
    <xf numFmtId="0" fontId="6" fillId="0" borderId="2" xfId="0" applyFont="1" applyFill="1" applyBorder="1" applyAlignment="1">
      <alignment vertical="center" shrinkToFit="1"/>
    </xf>
    <xf numFmtId="0" fontId="6" fillId="0" borderId="0" xfId="0" quotePrefix="1" applyFont="1" applyBorder="1" applyAlignment="1">
      <alignment horizontal="center" vertical="center" wrapText="1"/>
    </xf>
    <xf numFmtId="0" fontId="6" fillId="0" borderId="0" xfId="0" quotePrefix="1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6" fillId="0" borderId="0" xfId="0" applyFont="1" applyAlignment="1">
      <alignment vertical="center" shrinkToFit="1"/>
    </xf>
    <xf numFmtId="0" fontId="6" fillId="0" borderId="2" xfId="0" applyFont="1" applyFill="1" applyBorder="1" applyAlignment="1">
      <alignment vertical="center" wrapText="1"/>
    </xf>
    <xf numFmtId="0" fontId="5" fillId="0" borderId="0" xfId="0" applyFont="1" applyBorder="1" applyAlignment="1">
      <alignment vertical="center" wrapText="1"/>
    </xf>
    <xf numFmtId="0" fontId="6" fillId="0" borderId="0" xfId="0" quotePrefix="1" applyFont="1" applyBorder="1" applyAlignment="1">
      <alignment horizontal="left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0" xfId="0" applyFont="1" applyFill="1" applyBorder="1" applyAlignment="1">
      <alignment horizontal="center" vertical="center" wrapText="1"/>
    </xf>
    <xf numFmtId="0" fontId="6" fillId="0" borderId="0" xfId="0" quotePrefix="1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vertical="center" wrapText="1"/>
    </xf>
    <xf numFmtId="20" fontId="6" fillId="0" borderId="0" xfId="0" applyNumberFormat="1" applyFont="1" applyBorder="1" applyAlignment="1">
      <alignment vertical="center" wrapText="1"/>
    </xf>
    <xf numFmtId="0" fontId="6" fillId="0" borderId="0" xfId="0" quotePrefix="1" applyFont="1" applyBorder="1" applyAlignment="1">
      <alignment horizontal="left" vertical="center" shrinkToFit="1"/>
    </xf>
    <xf numFmtId="0" fontId="6" fillId="0" borderId="3" xfId="0" quotePrefix="1" applyFont="1" applyBorder="1" applyAlignment="1">
      <alignment horizontal="left" vertical="center" wrapText="1"/>
    </xf>
    <xf numFmtId="0" fontId="6" fillId="0" borderId="2" xfId="0" applyFont="1" applyBorder="1" applyAlignment="1">
      <alignment vertical="center" wrapText="1"/>
    </xf>
    <xf numFmtId="0" fontId="6" fillId="0" borderId="0" xfId="0" applyFont="1" applyBorder="1" applyAlignment="1">
      <alignment vertical="center" wrapText="1" shrinkToFit="1"/>
    </xf>
    <xf numFmtId="0" fontId="6" fillId="0" borderId="4" xfId="0" applyFont="1" applyBorder="1" applyAlignment="1">
      <alignment horizontal="center" vertical="center" wrapText="1"/>
    </xf>
    <xf numFmtId="0" fontId="6" fillId="0" borderId="4" xfId="0" applyFont="1" applyBorder="1" applyAlignment="1">
      <alignment vertical="center" shrinkToFit="1"/>
    </xf>
    <xf numFmtId="0" fontId="6" fillId="0" borderId="5" xfId="0" applyFont="1" applyBorder="1" applyAlignment="1">
      <alignment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49" fontId="8" fillId="0" borderId="0" xfId="0" applyNumberFormat="1" applyFont="1" applyAlignment="1">
      <alignment vertical="center" wrapText="1"/>
    </xf>
    <xf numFmtId="0" fontId="6" fillId="0" borderId="3" xfId="0" applyFont="1" applyBorder="1" applyAlignment="1">
      <alignment vertical="center" wrapText="1"/>
    </xf>
    <xf numFmtId="0" fontId="6" fillId="0" borderId="0" xfId="0" quotePrefix="1" applyFont="1" applyAlignment="1">
      <alignment horizontal="center" vertical="center" wrapText="1" shrinkToFit="1"/>
    </xf>
    <xf numFmtId="0" fontId="6" fillId="0" borderId="0" xfId="0" applyFont="1" applyBorder="1" applyAlignment="1">
      <alignment horizontal="center" vertical="center" shrinkToFit="1"/>
    </xf>
    <xf numFmtId="57" fontId="6" fillId="0" borderId="0" xfId="0" applyNumberFormat="1" applyFont="1" applyBorder="1" applyAlignment="1">
      <alignment horizontal="center" vertical="center" shrinkToFit="1"/>
    </xf>
    <xf numFmtId="0" fontId="6" fillId="0" borderId="0" xfId="0" quotePrefix="1" applyFont="1" applyAlignment="1">
      <alignment horizontal="center" vertical="center" wrapText="1"/>
    </xf>
    <xf numFmtId="0" fontId="6" fillId="0" borderId="2" xfId="0" applyFont="1" applyBorder="1" applyAlignment="1">
      <alignment vertical="center" shrinkToFit="1"/>
    </xf>
    <xf numFmtId="0" fontId="9" fillId="0" borderId="2" xfId="0" applyFont="1" applyFill="1" applyBorder="1" applyAlignment="1">
      <alignment vertical="center" wrapText="1"/>
    </xf>
    <xf numFmtId="0" fontId="5" fillId="0" borderId="2" xfId="0" applyFont="1" applyBorder="1" applyAlignment="1">
      <alignment vertical="center" wrapText="1"/>
    </xf>
    <xf numFmtId="0" fontId="5" fillId="0" borderId="1" xfId="0" applyFont="1" applyBorder="1" applyAlignment="1">
      <alignment vertical="center" wrapText="1"/>
    </xf>
    <xf numFmtId="0" fontId="6" fillId="2" borderId="0" xfId="0" applyFont="1" applyFill="1" applyBorder="1" applyAlignment="1">
      <alignment vertical="center" wrapText="1"/>
    </xf>
    <xf numFmtId="57" fontId="6" fillId="2" borderId="0" xfId="0" applyNumberFormat="1" applyFont="1" applyFill="1" applyBorder="1" applyAlignment="1">
      <alignment horizontal="center" vertical="center" wrapText="1"/>
    </xf>
    <xf numFmtId="0" fontId="6" fillId="2" borderId="0" xfId="0" applyFont="1" applyFill="1" applyBorder="1" applyAlignment="1">
      <alignment horizontal="center" vertical="center" wrapText="1"/>
    </xf>
    <xf numFmtId="0" fontId="6" fillId="0" borderId="1" xfId="0" applyFont="1" applyBorder="1" applyAlignment="1">
      <alignment vertical="center" wrapText="1"/>
    </xf>
    <xf numFmtId="57" fontId="6" fillId="0" borderId="1" xfId="0" applyNumberFormat="1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0" fontId="6" fillId="0" borderId="3" xfId="0" applyFont="1" applyBorder="1" applyAlignment="1">
      <alignment vertical="center" wrapText="1" shrinkToFit="1"/>
    </xf>
    <xf numFmtId="0" fontId="6" fillId="0" borderId="10" xfId="0" applyFont="1" applyBorder="1" applyAlignment="1">
      <alignment vertical="center" wrapText="1" shrinkToFit="1"/>
    </xf>
    <xf numFmtId="0" fontId="4" fillId="0" borderId="9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</cellXfs>
  <cellStyles count="2">
    <cellStyle name="桁区切り 2" xfId="1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22"/>
  <sheetViews>
    <sheetView showGridLines="0" tabSelected="1" view="pageBreakPreview" zoomScaleNormal="100" zoomScaleSheetLayoutView="100" workbookViewId="0">
      <pane xSplit="6" ySplit="2" topLeftCell="G3" activePane="bottomRight" state="frozen"/>
      <selection pane="topRight" activeCell="G1" sqref="G1"/>
      <selection pane="bottomLeft" activeCell="A3" sqref="A3"/>
      <selection pane="bottomRight"/>
    </sheetView>
  </sheetViews>
  <sheetFormatPr defaultRowHeight="30" customHeight="1"/>
  <cols>
    <col min="1" max="1" width="20.625" style="2" customWidth="1"/>
    <col min="2" max="2" width="25.625" style="2" customWidth="1"/>
    <col min="3" max="3" width="15.625" style="2" customWidth="1"/>
    <col min="4" max="4" width="18.625" style="3" customWidth="1"/>
    <col min="5" max="5" width="11" style="3" customWidth="1"/>
    <col min="6" max="6" width="8.625" style="3" customWidth="1"/>
    <col min="7" max="16384" width="9" style="2"/>
  </cols>
  <sheetData>
    <row r="1" spans="1:6" ht="30" customHeight="1" thickBot="1">
      <c r="A1" s="1" t="s">
        <v>253</v>
      </c>
      <c r="C1" s="32"/>
      <c r="D1" s="51" t="s">
        <v>252</v>
      </c>
      <c r="E1" s="52"/>
      <c r="F1" s="52"/>
    </row>
    <row r="2" spans="1:6" ht="30" customHeight="1">
      <c r="A2" s="31" t="s">
        <v>250</v>
      </c>
      <c r="B2" s="31" t="s">
        <v>249</v>
      </c>
      <c r="C2" s="30" t="s">
        <v>248</v>
      </c>
      <c r="D2" s="30" t="s">
        <v>247</v>
      </c>
      <c r="E2" s="30" t="s">
        <v>246</v>
      </c>
      <c r="F2" s="29" t="s">
        <v>251</v>
      </c>
    </row>
    <row r="3" spans="1:6" ht="39.950000000000003" customHeight="1">
      <c r="A3" s="28" t="s">
        <v>245</v>
      </c>
      <c r="B3" s="27" t="s">
        <v>244</v>
      </c>
      <c r="C3" s="27" t="s">
        <v>379</v>
      </c>
      <c r="D3" s="26" t="s">
        <v>403</v>
      </c>
      <c r="E3" s="26" t="s">
        <v>243</v>
      </c>
      <c r="F3" s="26"/>
    </row>
    <row r="4" spans="1:6" ht="39.950000000000003" customHeight="1">
      <c r="A4" s="24" t="s">
        <v>242</v>
      </c>
      <c r="B4" s="7" t="s">
        <v>241</v>
      </c>
      <c r="C4" s="7" t="s">
        <v>380</v>
      </c>
      <c r="D4" s="4" t="s">
        <v>404</v>
      </c>
      <c r="E4" s="4" t="s">
        <v>240</v>
      </c>
      <c r="F4" s="4"/>
    </row>
    <row r="5" spans="1:6" ht="39.950000000000003" customHeight="1">
      <c r="A5" s="24"/>
      <c r="B5" s="7" t="s">
        <v>239</v>
      </c>
      <c r="C5" s="7" t="s">
        <v>238</v>
      </c>
      <c r="D5" s="4" t="s">
        <v>405</v>
      </c>
      <c r="E5" s="5" t="s">
        <v>237</v>
      </c>
      <c r="F5" s="4"/>
    </row>
    <row r="6" spans="1:6" ht="39.950000000000003" customHeight="1">
      <c r="A6" s="24"/>
      <c r="B6" s="7" t="s">
        <v>236</v>
      </c>
      <c r="C6" s="7" t="s">
        <v>235</v>
      </c>
      <c r="D6" s="4" t="s">
        <v>406</v>
      </c>
      <c r="E6" s="36" t="s">
        <v>234</v>
      </c>
      <c r="F6" s="4"/>
    </row>
    <row r="7" spans="1:6" ht="39.950000000000003" customHeight="1">
      <c r="A7" s="24" t="s">
        <v>233</v>
      </c>
      <c r="B7" s="7" t="s">
        <v>232</v>
      </c>
      <c r="C7" s="7" t="s">
        <v>381</v>
      </c>
      <c r="D7" s="4" t="s">
        <v>355</v>
      </c>
      <c r="E7" s="4" t="s">
        <v>231</v>
      </c>
      <c r="F7" s="4"/>
    </row>
    <row r="8" spans="1:6" ht="39.950000000000003" customHeight="1">
      <c r="A8" s="24" t="s">
        <v>230</v>
      </c>
      <c r="B8" s="7" t="s">
        <v>229</v>
      </c>
      <c r="C8" s="7" t="s">
        <v>228</v>
      </c>
      <c r="D8" s="4" t="s">
        <v>45</v>
      </c>
      <c r="E8" s="4" t="s">
        <v>227</v>
      </c>
      <c r="F8" s="4">
        <v>20</v>
      </c>
    </row>
    <row r="9" spans="1:6" ht="39.950000000000003" customHeight="1">
      <c r="A9" s="24" t="s">
        <v>226</v>
      </c>
      <c r="B9" s="7" t="s">
        <v>186</v>
      </c>
      <c r="C9" s="7" t="s">
        <v>382</v>
      </c>
      <c r="D9" s="4" t="s">
        <v>344</v>
      </c>
      <c r="E9" s="4" t="s">
        <v>119</v>
      </c>
      <c r="F9" s="4">
        <v>5</v>
      </c>
    </row>
    <row r="10" spans="1:6" ht="39.950000000000003" customHeight="1">
      <c r="A10" s="24"/>
      <c r="B10" s="7" t="s">
        <v>261</v>
      </c>
      <c r="C10" s="7" t="s">
        <v>262</v>
      </c>
      <c r="D10" s="4" t="s">
        <v>407</v>
      </c>
      <c r="E10" s="4" t="s">
        <v>263</v>
      </c>
      <c r="F10" s="4">
        <v>10</v>
      </c>
    </row>
    <row r="11" spans="1:6" ht="39.950000000000003" customHeight="1">
      <c r="A11" s="24"/>
      <c r="B11" s="7" t="s">
        <v>307</v>
      </c>
      <c r="C11" s="7" t="s">
        <v>262</v>
      </c>
      <c r="D11" s="4" t="s">
        <v>407</v>
      </c>
      <c r="E11" s="4" t="s">
        <v>308</v>
      </c>
      <c r="F11" s="4">
        <v>10</v>
      </c>
    </row>
    <row r="12" spans="1:6" ht="39.950000000000003" customHeight="1">
      <c r="A12" s="38" t="s">
        <v>225</v>
      </c>
      <c r="B12" s="7" t="s">
        <v>339</v>
      </c>
      <c r="C12" s="7" t="s">
        <v>174</v>
      </c>
      <c r="D12" s="4" t="s">
        <v>342</v>
      </c>
      <c r="E12" s="4" t="s">
        <v>173</v>
      </c>
      <c r="F12" s="4">
        <v>10</v>
      </c>
    </row>
    <row r="13" spans="1:6" ht="39.950000000000003" customHeight="1">
      <c r="A13" s="24"/>
      <c r="B13" s="7" t="s">
        <v>264</v>
      </c>
      <c r="C13" s="7" t="s">
        <v>265</v>
      </c>
      <c r="D13" s="4" t="s">
        <v>344</v>
      </c>
      <c r="E13" s="4" t="s">
        <v>266</v>
      </c>
      <c r="F13" s="4">
        <v>10</v>
      </c>
    </row>
    <row r="14" spans="1:6" ht="39.950000000000003" customHeight="1">
      <c r="A14" s="24"/>
      <c r="B14" s="7" t="s">
        <v>291</v>
      </c>
      <c r="C14" s="7" t="s">
        <v>262</v>
      </c>
      <c r="D14" s="4" t="s">
        <v>407</v>
      </c>
      <c r="E14" s="4" t="s">
        <v>292</v>
      </c>
      <c r="F14" s="4">
        <v>10</v>
      </c>
    </row>
    <row r="15" spans="1:6" ht="39.950000000000003" customHeight="1">
      <c r="A15" s="24"/>
      <c r="B15" s="7" t="s">
        <v>340</v>
      </c>
      <c r="C15" s="7" t="s">
        <v>309</v>
      </c>
      <c r="D15" s="4" t="s">
        <v>408</v>
      </c>
      <c r="E15" s="4" t="s">
        <v>310</v>
      </c>
      <c r="F15" s="4">
        <v>10</v>
      </c>
    </row>
    <row r="16" spans="1:6" ht="39.950000000000003" customHeight="1">
      <c r="A16" s="24"/>
      <c r="B16" s="8" t="s">
        <v>311</v>
      </c>
      <c r="C16" s="7" t="s">
        <v>312</v>
      </c>
      <c r="D16" s="4" t="s">
        <v>343</v>
      </c>
      <c r="E16" s="4" t="s">
        <v>313</v>
      </c>
      <c r="F16" s="4">
        <v>10</v>
      </c>
    </row>
    <row r="17" spans="1:6" ht="39.950000000000003" customHeight="1">
      <c r="A17" s="24"/>
      <c r="B17" s="7" t="s">
        <v>314</v>
      </c>
      <c r="C17" s="7" t="s">
        <v>315</v>
      </c>
      <c r="D17" s="4" t="s">
        <v>316</v>
      </c>
      <c r="E17" s="4" t="s">
        <v>317</v>
      </c>
      <c r="F17" s="4">
        <v>10</v>
      </c>
    </row>
    <row r="18" spans="1:6" ht="39.950000000000003" customHeight="1">
      <c r="A18" s="24" t="s">
        <v>224</v>
      </c>
      <c r="B18" s="7" t="s">
        <v>223</v>
      </c>
      <c r="C18" s="17" t="s">
        <v>401</v>
      </c>
      <c r="D18" s="4" t="s">
        <v>222</v>
      </c>
      <c r="E18" s="4" t="s">
        <v>221</v>
      </c>
      <c r="F18" s="4">
        <v>25</v>
      </c>
    </row>
    <row r="19" spans="1:6" ht="39.950000000000003" customHeight="1">
      <c r="A19" s="24"/>
      <c r="B19" s="7" t="s">
        <v>220</v>
      </c>
      <c r="C19" s="7" t="s">
        <v>219</v>
      </c>
      <c r="D19" s="4" t="s">
        <v>218</v>
      </c>
      <c r="E19" s="4" t="s">
        <v>217</v>
      </c>
      <c r="F19" s="4">
        <v>20</v>
      </c>
    </row>
    <row r="20" spans="1:6" ht="39.950000000000003" customHeight="1">
      <c r="A20" s="24" t="s">
        <v>216</v>
      </c>
      <c r="B20" s="7" t="s">
        <v>215</v>
      </c>
      <c r="C20" s="7" t="s">
        <v>214</v>
      </c>
      <c r="D20" s="4" t="s">
        <v>113</v>
      </c>
      <c r="E20" s="4" t="s">
        <v>213</v>
      </c>
      <c r="F20" s="4">
        <v>20</v>
      </c>
    </row>
    <row r="21" spans="1:6" ht="39.950000000000003" customHeight="1">
      <c r="A21" s="24"/>
      <c r="B21" s="7" t="s">
        <v>212</v>
      </c>
      <c r="C21" s="7" t="s">
        <v>211</v>
      </c>
      <c r="D21" s="4" t="s">
        <v>113</v>
      </c>
      <c r="E21" s="4" t="s">
        <v>210</v>
      </c>
      <c r="F21" s="4">
        <v>20</v>
      </c>
    </row>
    <row r="22" spans="1:6" ht="39.950000000000003" customHeight="1">
      <c r="A22" s="24"/>
      <c r="B22" s="7" t="s">
        <v>209</v>
      </c>
      <c r="C22" s="7" t="s">
        <v>208</v>
      </c>
      <c r="D22" s="4" t="s">
        <v>409</v>
      </c>
      <c r="E22" s="4" t="s">
        <v>207</v>
      </c>
      <c r="F22" s="4">
        <v>25</v>
      </c>
    </row>
    <row r="23" spans="1:6" ht="39.950000000000003" customHeight="1">
      <c r="A23" s="24"/>
      <c r="B23" s="7" t="s">
        <v>169</v>
      </c>
      <c r="C23" s="7" t="s">
        <v>168</v>
      </c>
      <c r="D23" s="4" t="s">
        <v>410</v>
      </c>
      <c r="E23" s="4" t="s">
        <v>206</v>
      </c>
      <c r="F23" s="4">
        <v>20</v>
      </c>
    </row>
    <row r="24" spans="1:6" ht="39.950000000000003" customHeight="1">
      <c r="A24" s="24"/>
      <c r="B24" s="8" t="s">
        <v>205</v>
      </c>
      <c r="C24" s="7" t="s">
        <v>34</v>
      </c>
      <c r="D24" s="4" t="s">
        <v>410</v>
      </c>
      <c r="E24" s="4" t="s">
        <v>204</v>
      </c>
      <c r="F24" s="4">
        <v>10</v>
      </c>
    </row>
    <row r="25" spans="1:6" ht="39.950000000000003" customHeight="1">
      <c r="A25" s="24"/>
      <c r="B25" s="7" t="s">
        <v>203</v>
      </c>
      <c r="C25" s="7" t="s">
        <v>202</v>
      </c>
      <c r="D25" s="4" t="s">
        <v>411</v>
      </c>
      <c r="E25" s="4" t="s">
        <v>201</v>
      </c>
      <c r="F25" s="4">
        <v>20</v>
      </c>
    </row>
    <row r="26" spans="1:6" ht="39.950000000000003" customHeight="1">
      <c r="A26" s="24"/>
      <c r="B26" s="25" t="s">
        <v>200</v>
      </c>
      <c r="C26" s="7" t="s">
        <v>199</v>
      </c>
      <c r="D26" s="4" t="s">
        <v>153</v>
      </c>
      <c r="E26" s="4" t="s">
        <v>152</v>
      </c>
      <c r="F26" s="4">
        <v>30</v>
      </c>
    </row>
    <row r="27" spans="1:6" ht="39.950000000000003" customHeight="1">
      <c r="A27" s="24"/>
      <c r="B27" s="7" t="s">
        <v>198</v>
      </c>
      <c r="C27" s="7" t="s">
        <v>267</v>
      </c>
      <c r="D27" s="4" t="s">
        <v>412</v>
      </c>
      <c r="E27" s="4" t="s">
        <v>197</v>
      </c>
      <c r="F27" s="4">
        <v>20</v>
      </c>
    </row>
    <row r="28" spans="1:6" ht="39.950000000000003" customHeight="1">
      <c r="A28" s="24"/>
      <c r="B28" s="7" t="s">
        <v>318</v>
      </c>
      <c r="C28" s="7" t="s">
        <v>383</v>
      </c>
      <c r="D28" s="4" t="s">
        <v>402</v>
      </c>
      <c r="E28" s="4" t="s">
        <v>319</v>
      </c>
      <c r="F28" s="4">
        <v>20</v>
      </c>
    </row>
    <row r="29" spans="1:6" ht="39.950000000000003" customHeight="1">
      <c r="A29" s="24" t="s">
        <v>196</v>
      </c>
      <c r="B29" s="7" t="s">
        <v>195</v>
      </c>
      <c r="C29" s="7" t="s">
        <v>194</v>
      </c>
      <c r="D29" s="4" t="s">
        <v>413</v>
      </c>
      <c r="E29" s="4" t="s">
        <v>193</v>
      </c>
      <c r="F29" s="4">
        <v>20</v>
      </c>
    </row>
    <row r="30" spans="1:6" ht="39.950000000000003" customHeight="1">
      <c r="A30" s="24"/>
      <c r="B30" s="7" t="s">
        <v>192</v>
      </c>
      <c r="C30" s="7" t="s">
        <v>385</v>
      </c>
      <c r="D30" s="4" t="s">
        <v>344</v>
      </c>
      <c r="E30" s="4" t="s">
        <v>191</v>
      </c>
      <c r="F30" s="4">
        <v>40</v>
      </c>
    </row>
    <row r="31" spans="1:6" ht="39.950000000000003" customHeight="1">
      <c r="A31" s="24"/>
      <c r="B31" s="7" t="s">
        <v>190</v>
      </c>
      <c r="C31" s="7" t="s">
        <v>386</v>
      </c>
      <c r="D31" s="4" t="s">
        <v>344</v>
      </c>
      <c r="E31" s="4" t="s">
        <v>189</v>
      </c>
      <c r="F31" s="4">
        <v>20</v>
      </c>
    </row>
    <row r="32" spans="1:6" ht="39.950000000000003" customHeight="1">
      <c r="A32" s="38" t="s">
        <v>320</v>
      </c>
      <c r="B32" s="7" t="s">
        <v>321</v>
      </c>
      <c r="C32" s="7" t="s">
        <v>384</v>
      </c>
      <c r="D32" s="4" t="s">
        <v>322</v>
      </c>
      <c r="E32" s="4" t="s">
        <v>319</v>
      </c>
      <c r="F32" s="4">
        <v>20</v>
      </c>
    </row>
    <row r="33" spans="1:6" ht="39.950000000000003" customHeight="1">
      <c r="A33" s="24" t="s">
        <v>188</v>
      </c>
      <c r="B33" s="7" t="s">
        <v>301</v>
      </c>
      <c r="C33" s="7" t="s">
        <v>387</v>
      </c>
      <c r="D33" s="48" t="s">
        <v>344</v>
      </c>
      <c r="E33" s="4" t="s">
        <v>187</v>
      </c>
      <c r="F33" s="4">
        <v>20</v>
      </c>
    </row>
    <row r="34" spans="1:6" ht="39.950000000000003" customHeight="1">
      <c r="A34" s="24"/>
      <c r="B34" s="7" t="s">
        <v>185</v>
      </c>
      <c r="C34" s="7" t="s">
        <v>388</v>
      </c>
      <c r="D34" s="4" t="s">
        <v>153</v>
      </c>
      <c r="E34" s="4" t="s">
        <v>184</v>
      </c>
      <c r="F34" s="4">
        <v>50</v>
      </c>
    </row>
    <row r="35" spans="1:6" ht="39.950000000000003" customHeight="1">
      <c r="A35" s="24"/>
      <c r="B35" s="7" t="s">
        <v>323</v>
      </c>
      <c r="C35" s="7" t="s">
        <v>324</v>
      </c>
      <c r="D35" s="4" t="s">
        <v>325</v>
      </c>
      <c r="E35" s="4" t="s">
        <v>326</v>
      </c>
      <c r="F35" s="4">
        <v>24</v>
      </c>
    </row>
    <row r="36" spans="1:6" ht="39.950000000000003" customHeight="1">
      <c r="A36" s="24"/>
      <c r="B36" s="8" t="s">
        <v>327</v>
      </c>
      <c r="C36" s="7" t="s">
        <v>312</v>
      </c>
      <c r="D36" s="4" t="s">
        <v>341</v>
      </c>
      <c r="E36" s="4" t="s">
        <v>313</v>
      </c>
      <c r="F36" s="4">
        <v>20</v>
      </c>
    </row>
    <row r="37" spans="1:6" ht="39.950000000000003" customHeight="1">
      <c r="A37" s="24" t="s">
        <v>183</v>
      </c>
      <c r="B37" s="7" t="s">
        <v>302</v>
      </c>
      <c r="C37" s="7" t="s">
        <v>182</v>
      </c>
      <c r="D37" s="4" t="s">
        <v>344</v>
      </c>
      <c r="E37" s="4" t="s">
        <v>18</v>
      </c>
      <c r="F37" s="4">
        <v>6</v>
      </c>
    </row>
    <row r="38" spans="1:6" ht="39.950000000000003" customHeight="1">
      <c r="A38" s="24"/>
      <c r="B38" s="7" t="s">
        <v>280</v>
      </c>
      <c r="C38" s="7" t="s">
        <v>281</v>
      </c>
      <c r="D38" s="4" t="s">
        <v>344</v>
      </c>
      <c r="E38" s="4" t="s">
        <v>282</v>
      </c>
      <c r="F38" s="4">
        <v>6</v>
      </c>
    </row>
    <row r="39" spans="1:6" ht="39.950000000000003" customHeight="1">
      <c r="A39" s="24" t="s">
        <v>181</v>
      </c>
      <c r="B39" s="7" t="s">
        <v>180</v>
      </c>
      <c r="C39" s="7" t="s">
        <v>179</v>
      </c>
      <c r="D39" s="4" t="s">
        <v>344</v>
      </c>
      <c r="E39" s="4" t="s">
        <v>178</v>
      </c>
      <c r="F39" s="4">
        <v>3</v>
      </c>
    </row>
    <row r="40" spans="1:6" ht="39.950000000000003" customHeight="1">
      <c r="A40" s="24"/>
      <c r="B40" s="7" t="s">
        <v>175</v>
      </c>
      <c r="C40" s="7" t="s">
        <v>163</v>
      </c>
      <c r="D40" s="4" t="s">
        <v>131</v>
      </c>
      <c r="E40" s="4" t="s">
        <v>144</v>
      </c>
      <c r="F40" s="4">
        <v>2</v>
      </c>
    </row>
    <row r="41" spans="1:6" ht="39.950000000000003" customHeight="1">
      <c r="A41" s="24"/>
      <c r="B41" s="7" t="s">
        <v>130</v>
      </c>
      <c r="C41" s="7" t="s">
        <v>177</v>
      </c>
      <c r="D41" s="4" t="s">
        <v>131</v>
      </c>
      <c r="E41" s="4" t="s">
        <v>176</v>
      </c>
      <c r="F41" s="4">
        <v>1</v>
      </c>
    </row>
    <row r="42" spans="1:6" ht="39.950000000000003" customHeight="1">
      <c r="A42" s="24"/>
      <c r="B42" s="7" t="s">
        <v>270</v>
      </c>
      <c r="C42" s="7" t="s">
        <v>271</v>
      </c>
      <c r="D42" s="4" t="s">
        <v>131</v>
      </c>
      <c r="E42" s="4" t="s">
        <v>288</v>
      </c>
      <c r="F42" s="4">
        <v>1</v>
      </c>
    </row>
    <row r="43" spans="1:6" ht="39.950000000000003" customHeight="1">
      <c r="A43" s="24"/>
      <c r="B43" s="7" t="s">
        <v>356</v>
      </c>
      <c r="C43" s="7" t="s">
        <v>174</v>
      </c>
      <c r="D43" s="4" t="s">
        <v>342</v>
      </c>
      <c r="E43" s="4" t="s">
        <v>173</v>
      </c>
      <c r="F43" s="4">
        <v>3</v>
      </c>
    </row>
    <row r="44" spans="1:6" ht="39.950000000000003" customHeight="1">
      <c r="A44" s="24"/>
      <c r="B44" s="7" t="s">
        <v>279</v>
      </c>
      <c r="C44" s="7" t="s">
        <v>278</v>
      </c>
      <c r="D44" s="4" t="s">
        <v>342</v>
      </c>
      <c r="E44" s="5" t="s">
        <v>277</v>
      </c>
      <c r="F44" s="4">
        <v>12</v>
      </c>
    </row>
    <row r="45" spans="1:6" ht="39.950000000000003" customHeight="1">
      <c r="A45" s="24"/>
      <c r="B45" s="7" t="s">
        <v>171</v>
      </c>
      <c r="C45" s="7" t="s">
        <v>389</v>
      </c>
      <c r="D45" s="4" t="s">
        <v>289</v>
      </c>
      <c r="E45" s="4" t="s">
        <v>123</v>
      </c>
      <c r="F45" s="4">
        <v>2</v>
      </c>
    </row>
    <row r="46" spans="1:6" ht="39.950000000000003" customHeight="1">
      <c r="A46" s="24"/>
      <c r="B46" s="7" t="s">
        <v>285</v>
      </c>
      <c r="C46" s="7" t="s">
        <v>286</v>
      </c>
      <c r="D46" s="4" t="s">
        <v>378</v>
      </c>
      <c r="E46" s="4" t="s">
        <v>287</v>
      </c>
      <c r="F46" s="4">
        <v>2</v>
      </c>
    </row>
    <row r="47" spans="1:6" ht="39.950000000000003" customHeight="1">
      <c r="A47" s="24"/>
      <c r="B47" s="33" t="s">
        <v>167</v>
      </c>
      <c r="C47" s="7" t="s">
        <v>166</v>
      </c>
      <c r="D47" s="4" t="s">
        <v>45</v>
      </c>
      <c r="E47" s="4" t="s">
        <v>165</v>
      </c>
      <c r="F47" s="4">
        <v>6</v>
      </c>
    </row>
    <row r="48" spans="1:6" ht="39.950000000000003" customHeight="1">
      <c r="A48" s="24"/>
      <c r="B48" s="8" t="s">
        <v>244</v>
      </c>
      <c r="C48" s="8" t="s">
        <v>390</v>
      </c>
      <c r="D48" s="4" t="s">
        <v>45</v>
      </c>
      <c r="E48" s="4" t="s">
        <v>243</v>
      </c>
      <c r="F48" s="4"/>
    </row>
    <row r="49" spans="1:6" ht="39.950000000000003" customHeight="1">
      <c r="A49" s="24" t="s">
        <v>172</v>
      </c>
      <c r="B49" s="7" t="s">
        <v>171</v>
      </c>
      <c r="C49" s="7" t="s">
        <v>391</v>
      </c>
      <c r="D49" s="4" t="s">
        <v>153</v>
      </c>
      <c r="E49" s="4" t="s">
        <v>170</v>
      </c>
      <c r="F49" s="4">
        <v>40</v>
      </c>
    </row>
    <row r="50" spans="1:6" ht="39.950000000000003" customHeight="1">
      <c r="A50" s="24"/>
      <c r="B50" s="7" t="s">
        <v>167</v>
      </c>
      <c r="C50" s="7" t="s">
        <v>166</v>
      </c>
      <c r="D50" s="4" t="s">
        <v>45</v>
      </c>
      <c r="E50" s="4" t="s">
        <v>165</v>
      </c>
      <c r="F50" s="4">
        <v>60</v>
      </c>
    </row>
    <row r="51" spans="1:6" ht="39.950000000000003" customHeight="1">
      <c r="A51" s="24"/>
      <c r="B51" s="7" t="s">
        <v>164</v>
      </c>
      <c r="C51" s="7" t="s">
        <v>163</v>
      </c>
      <c r="D51" s="4" t="s">
        <v>131</v>
      </c>
      <c r="E51" s="4" t="s">
        <v>162</v>
      </c>
      <c r="F51" s="4">
        <v>50</v>
      </c>
    </row>
    <row r="52" spans="1:6" ht="39.950000000000003" customHeight="1">
      <c r="A52" s="24" t="s">
        <v>161</v>
      </c>
      <c r="B52" s="7" t="s">
        <v>160</v>
      </c>
      <c r="C52" s="7" t="s">
        <v>159</v>
      </c>
      <c r="D52" s="4" t="s">
        <v>344</v>
      </c>
      <c r="E52" s="4" t="s">
        <v>18</v>
      </c>
      <c r="F52" s="4">
        <v>5</v>
      </c>
    </row>
    <row r="53" spans="1:6" ht="39.950000000000003" customHeight="1">
      <c r="A53" s="24"/>
      <c r="B53" s="7" t="s">
        <v>285</v>
      </c>
      <c r="C53" s="7" t="s">
        <v>286</v>
      </c>
      <c r="D53" s="4" t="s">
        <v>344</v>
      </c>
      <c r="E53" s="4" t="s">
        <v>287</v>
      </c>
      <c r="F53" s="4">
        <v>4</v>
      </c>
    </row>
    <row r="54" spans="1:6" ht="39.950000000000003" customHeight="1">
      <c r="A54" s="24"/>
      <c r="B54" s="7" t="s">
        <v>158</v>
      </c>
      <c r="C54" s="7" t="s">
        <v>156</v>
      </c>
      <c r="D54" s="4" t="s">
        <v>155</v>
      </c>
      <c r="E54" s="35" t="s">
        <v>154</v>
      </c>
      <c r="F54" s="4">
        <v>7</v>
      </c>
    </row>
    <row r="55" spans="1:6" ht="39.950000000000003" customHeight="1">
      <c r="A55" s="24"/>
      <c r="B55" s="7" t="s">
        <v>157</v>
      </c>
      <c r="C55" s="7" t="s">
        <v>156</v>
      </c>
      <c r="D55" s="4" t="s">
        <v>155</v>
      </c>
      <c r="E55" s="35" t="s">
        <v>154</v>
      </c>
      <c r="F55" s="4">
        <v>7</v>
      </c>
    </row>
    <row r="56" spans="1:6" ht="39.950000000000003" customHeight="1">
      <c r="A56" s="24"/>
      <c r="B56" s="7" t="s">
        <v>151</v>
      </c>
      <c r="C56" s="7" t="s">
        <v>150</v>
      </c>
      <c r="D56" s="4" t="s">
        <v>290</v>
      </c>
      <c r="E56" s="4" t="s">
        <v>149</v>
      </c>
      <c r="F56" s="4">
        <v>5</v>
      </c>
    </row>
    <row r="57" spans="1:6" ht="39.950000000000003" customHeight="1">
      <c r="A57" s="24"/>
      <c r="B57" s="7" t="s">
        <v>148</v>
      </c>
      <c r="C57" s="7" t="s">
        <v>147</v>
      </c>
      <c r="D57" s="4" t="s">
        <v>289</v>
      </c>
      <c r="E57" s="4" t="s">
        <v>146</v>
      </c>
      <c r="F57" s="4">
        <v>5</v>
      </c>
    </row>
    <row r="58" spans="1:6" ht="39.950000000000003" customHeight="1">
      <c r="A58" s="24"/>
      <c r="B58" s="7" t="s">
        <v>303</v>
      </c>
      <c r="C58" s="7" t="s">
        <v>145</v>
      </c>
      <c r="D58" s="4" t="s">
        <v>289</v>
      </c>
      <c r="E58" s="4" t="s">
        <v>144</v>
      </c>
      <c r="F58" s="4">
        <v>7</v>
      </c>
    </row>
    <row r="59" spans="1:6" ht="39.950000000000003" customHeight="1">
      <c r="A59" s="24"/>
      <c r="B59" s="7" t="s">
        <v>283</v>
      </c>
      <c r="C59" s="7" t="s">
        <v>145</v>
      </c>
      <c r="D59" s="4" t="s">
        <v>289</v>
      </c>
      <c r="E59" s="4" t="s">
        <v>284</v>
      </c>
      <c r="F59" s="4">
        <v>7</v>
      </c>
    </row>
    <row r="60" spans="1:6" ht="39.950000000000003" customHeight="1">
      <c r="A60" s="24"/>
      <c r="B60" s="7" t="s">
        <v>143</v>
      </c>
      <c r="C60" s="7" t="s">
        <v>142</v>
      </c>
      <c r="D60" s="4" t="s">
        <v>141</v>
      </c>
      <c r="E60" s="4" t="s">
        <v>140</v>
      </c>
      <c r="F60" s="4">
        <v>6</v>
      </c>
    </row>
    <row r="61" spans="1:6" ht="39.950000000000003" customHeight="1">
      <c r="A61" s="24"/>
      <c r="B61" s="7" t="s">
        <v>139</v>
      </c>
      <c r="C61" s="7" t="s">
        <v>138</v>
      </c>
      <c r="D61" s="4" t="s">
        <v>141</v>
      </c>
      <c r="E61" s="4" t="s">
        <v>137</v>
      </c>
      <c r="F61" s="4">
        <v>6</v>
      </c>
    </row>
    <row r="62" spans="1:6" ht="39.950000000000003" customHeight="1">
      <c r="A62" s="24"/>
      <c r="B62" s="7" t="s">
        <v>136</v>
      </c>
      <c r="C62" s="7" t="s">
        <v>135</v>
      </c>
      <c r="D62" s="4" t="s">
        <v>141</v>
      </c>
      <c r="E62" s="4" t="s">
        <v>134</v>
      </c>
      <c r="F62" s="4">
        <v>6</v>
      </c>
    </row>
    <row r="63" spans="1:6" ht="39.950000000000003" customHeight="1">
      <c r="A63" s="24"/>
      <c r="B63" s="7" t="s">
        <v>133</v>
      </c>
      <c r="C63" s="7" t="s">
        <v>132</v>
      </c>
      <c r="D63" s="4" t="s">
        <v>131</v>
      </c>
      <c r="E63" s="5">
        <v>40148</v>
      </c>
      <c r="F63" s="4">
        <v>5</v>
      </c>
    </row>
    <row r="64" spans="1:6" ht="39.950000000000003" customHeight="1">
      <c r="A64" s="24"/>
      <c r="B64" s="7" t="s">
        <v>268</v>
      </c>
      <c r="C64" s="7" t="s">
        <v>269</v>
      </c>
      <c r="D64" s="4" t="s">
        <v>131</v>
      </c>
      <c r="E64" s="4" t="s">
        <v>126</v>
      </c>
      <c r="F64" s="4">
        <v>6</v>
      </c>
    </row>
    <row r="65" spans="1:6" ht="39.950000000000003" customHeight="1">
      <c r="A65" s="24"/>
      <c r="B65" s="7" t="s">
        <v>130</v>
      </c>
      <c r="C65" s="7" t="s">
        <v>177</v>
      </c>
      <c r="D65" s="4" t="s">
        <v>131</v>
      </c>
      <c r="E65" s="4" t="s">
        <v>123</v>
      </c>
      <c r="F65" s="4">
        <v>7</v>
      </c>
    </row>
    <row r="66" spans="1:6" ht="39.950000000000003" customHeight="1">
      <c r="A66" s="24"/>
      <c r="B66" s="7" t="s">
        <v>270</v>
      </c>
      <c r="C66" s="7" t="s">
        <v>271</v>
      </c>
      <c r="D66" s="4" t="s">
        <v>131</v>
      </c>
      <c r="E66" s="4" t="s">
        <v>272</v>
      </c>
      <c r="F66" s="4">
        <v>6</v>
      </c>
    </row>
    <row r="67" spans="1:6" ht="39.950000000000003" customHeight="1">
      <c r="A67" s="24"/>
      <c r="B67" s="7" t="s">
        <v>93</v>
      </c>
      <c r="C67" s="7" t="s">
        <v>92</v>
      </c>
      <c r="D67" s="4" t="s">
        <v>414</v>
      </c>
      <c r="E67" s="4" t="s">
        <v>127</v>
      </c>
      <c r="F67" s="4">
        <v>5</v>
      </c>
    </row>
    <row r="68" spans="1:6" ht="39.950000000000003" customHeight="1">
      <c r="A68" s="24"/>
      <c r="B68" s="7" t="s">
        <v>129</v>
      </c>
      <c r="C68" s="7" t="s">
        <v>128</v>
      </c>
      <c r="D68" s="4" t="s">
        <v>415</v>
      </c>
      <c r="E68" s="4" t="s">
        <v>127</v>
      </c>
      <c r="F68" s="4">
        <v>5</v>
      </c>
    </row>
    <row r="69" spans="1:6" ht="39.950000000000003" customHeight="1">
      <c r="A69" s="24"/>
      <c r="B69" s="7" t="s">
        <v>89</v>
      </c>
      <c r="C69" s="7" t="s">
        <v>273</v>
      </c>
      <c r="D69" s="4" t="s">
        <v>415</v>
      </c>
      <c r="E69" s="4" t="s">
        <v>126</v>
      </c>
      <c r="F69" s="4">
        <v>7</v>
      </c>
    </row>
    <row r="70" spans="1:6" ht="39.950000000000003" customHeight="1">
      <c r="A70" s="24"/>
      <c r="B70" s="7" t="s">
        <v>125</v>
      </c>
      <c r="C70" s="7" t="s">
        <v>124</v>
      </c>
      <c r="D70" s="4" t="s">
        <v>415</v>
      </c>
      <c r="E70" s="4" t="s">
        <v>123</v>
      </c>
      <c r="F70" s="4">
        <v>7</v>
      </c>
    </row>
    <row r="71" spans="1:6" ht="39.950000000000003" customHeight="1">
      <c r="A71" s="24"/>
      <c r="B71" s="7" t="s">
        <v>122</v>
      </c>
      <c r="C71" s="7" t="s">
        <v>121</v>
      </c>
      <c r="D71" s="4" t="s">
        <v>415</v>
      </c>
      <c r="E71" s="5" t="s">
        <v>120</v>
      </c>
      <c r="F71" s="4">
        <v>6</v>
      </c>
    </row>
    <row r="72" spans="1:6" ht="39.950000000000003" customHeight="1">
      <c r="A72" s="24"/>
      <c r="B72" s="7" t="s">
        <v>274</v>
      </c>
      <c r="C72" s="7" t="s">
        <v>275</v>
      </c>
      <c r="D72" s="4" t="s">
        <v>415</v>
      </c>
      <c r="E72" s="5" t="s">
        <v>276</v>
      </c>
      <c r="F72" s="4">
        <v>15</v>
      </c>
    </row>
    <row r="73" spans="1:6" ht="39.950000000000003" customHeight="1">
      <c r="A73" s="24"/>
      <c r="B73" s="7" t="s">
        <v>279</v>
      </c>
      <c r="C73" s="7" t="s">
        <v>278</v>
      </c>
      <c r="D73" s="4" t="s">
        <v>345</v>
      </c>
      <c r="E73" s="5" t="s">
        <v>277</v>
      </c>
      <c r="F73" s="4">
        <v>12</v>
      </c>
    </row>
    <row r="74" spans="1:6" ht="39.950000000000003" customHeight="1">
      <c r="A74" s="24"/>
      <c r="B74" s="7" t="s">
        <v>328</v>
      </c>
      <c r="C74" s="7" t="s">
        <v>329</v>
      </c>
      <c r="D74" s="4" t="s">
        <v>415</v>
      </c>
      <c r="E74" s="5" t="s">
        <v>326</v>
      </c>
      <c r="F74" s="4">
        <v>1</v>
      </c>
    </row>
    <row r="75" spans="1:6" ht="39.950000000000003" customHeight="1">
      <c r="A75" s="24"/>
      <c r="B75" s="7" t="s">
        <v>358</v>
      </c>
      <c r="C75" s="7" t="s">
        <v>359</v>
      </c>
      <c r="D75" s="4" t="s">
        <v>360</v>
      </c>
      <c r="E75" s="5" t="s">
        <v>361</v>
      </c>
      <c r="F75" s="4">
        <v>4</v>
      </c>
    </row>
    <row r="76" spans="1:6" ht="39.950000000000003" customHeight="1">
      <c r="A76" s="24" t="s">
        <v>118</v>
      </c>
      <c r="B76" s="7" t="s">
        <v>117</v>
      </c>
      <c r="C76" s="7" t="s">
        <v>116</v>
      </c>
      <c r="D76" s="4" t="s">
        <v>115</v>
      </c>
      <c r="E76" s="4"/>
      <c r="F76" s="4"/>
    </row>
    <row r="77" spans="1:6" ht="39.950000000000003" customHeight="1">
      <c r="A77" s="24" t="s">
        <v>114</v>
      </c>
      <c r="B77" s="7" t="s">
        <v>357</v>
      </c>
      <c r="C77" s="7" t="s">
        <v>392</v>
      </c>
      <c r="D77" s="4" t="s">
        <v>113</v>
      </c>
      <c r="E77" s="4" t="s">
        <v>112</v>
      </c>
      <c r="F77" s="4">
        <v>200</v>
      </c>
    </row>
    <row r="78" spans="1:6" ht="39.950000000000003" customHeight="1">
      <c r="A78" s="14" t="s">
        <v>111</v>
      </c>
      <c r="B78" s="7" t="s">
        <v>110</v>
      </c>
      <c r="C78" s="7" t="s">
        <v>109</v>
      </c>
      <c r="D78" s="4" t="s">
        <v>12</v>
      </c>
      <c r="E78" s="4" t="s">
        <v>105</v>
      </c>
      <c r="F78" s="4" t="s">
        <v>108</v>
      </c>
    </row>
    <row r="79" spans="1:6" ht="39.950000000000003" customHeight="1">
      <c r="A79" s="14"/>
      <c r="B79" s="7" t="s">
        <v>107</v>
      </c>
      <c r="C79" s="7" t="s">
        <v>106</v>
      </c>
      <c r="D79" s="4" t="s">
        <v>12</v>
      </c>
      <c r="E79" s="4" t="s">
        <v>105</v>
      </c>
      <c r="F79" s="10" t="s">
        <v>255</v>
      </c>
    </row>
    <row r="80" spans="1:6" ht="39.950000000000003" customHeight="1">
      <c r="A80" s="14" t="s">
        <v>102</v>
      </c>
      <c r="B80" s="23" t="s">
        <v>104</v>
      </c>
      <c r="C80" s="7" t="s">
        <v>38</v>
      </c>
      <c r="D80" s="4" t="s">
        <v>12</v>
      </c>
      <c r="E80" s="4" t="s">
        <v>103</v>
      </c>
      <c r="F80" s="4" t="s">
        <v>256</v>
      </c>
    </row>
    <row r="81" spans="1:6" ht="39.950000000000003" customHeight="1">
      <c r="A81" s="14"/>
      <c r="B81" s="7" t="s">
        <v>101</v>
      </c>
      <c r="C81" s="7" t="s">
        <v>100</v>
      </c>
      <c r="D81" s="4" t="s">
        <v>12</v>
      </c>
      <c r="E81" s="4" t="s">
        <v>99</v>
      </c>
      <c r="F81" s="4" t="s">
        <v>257</v>
      </c>
    </row>
    <row r="82" spans="1:6" ht="39.950000000000003" customHeight="1">
      <c r="A82" s="14"/>
      <c r="B82" s="22" t="s">
        <v>98</v>
      </c>
      <c r="C82" s="7" t="s">
        <v>55</v>
      </c>
      <c r="D82" s="4" t="s">
        <v>97</v>
      </c>
      <c r="E82" s="18" t="s">
        <v>304</v>
      </c>
      <c r="F82" s="19">
        <v>70</v>
      </c>
    </row>
    <row r="83" spans="1:6" ht="39.950000000000003" customHeight="1">
      <c r="A83" s="14"/>
      <c r="B83" s="22" t="s">
        <v>293</v>
      </c>
      <c r="C83" s="7" t="s">
        <v>294</v>
      </c>
      <c r="D83" s="4" t="s">
        <v>416</v>
      </c>
      <c r="E83" s="18" t="s">
        <v>295</v>
      </c>
      <c r="F83" s="19">
        <v>100</v>
      </c>
    </row>
    <row r="84" spans="1:6" ht="39.950000000000003" customHeight="1">
      <c r="A84" s="14"/>
      <c r="B84" s="8" t="s">
        <v>96</v>
      </c>
      <c r="C84" s="7" t="s">
        <v>95</v>
      </c>
      <c r="D84" s="4" t="s">
        <v>97</v>
      </c>
      <c r="E84" s="18" t="s">
        <v>94</v>
      </c>
      <c r="F84" s="4" t="s">
        <v>362</v>
      </c>
    </row>
    <row r="85" spans="1:6" s="15" customFormat="1" ht="39.950000000000003" customHeight="1">
      <c r="A85" s="14"/>
      <c r="B85" s="7" t="s">
        <v>91</v>
      </c>
      <c r="C85" s="7" t="s">
        <v>90</v>
      </c>
      <c r="D85" s="10" t="s">
        <v>346</v>
      </c>
      <c r="E85" s="18" t="s">
        <v>258</v>
      </c>
      <c r="F85" s="4" t="s">
        <v>363</v>
      </c>
    </row>
    <row r="86" spans="1:6" s="15" customFormat="1" ht="39.950000000000003" customHeight="1">
      <c r="A86" s="14"/>
      <c r="B86" s="21" t="s">
        <v>88</v>
      </c>
      <c r="C86" s="7" t="s">
        <v>87</v>
      </c>
      <c r="D86" s="19" t="s">
        <v>347</v>
      </c>
      <c r="E86" s="18" t="s">
        <v>86</v>
      </c>
      <c r="F86" s="18">
        <v>50</v>
      </c>
    </row>
    <row r="87" spans="1:6" ht="39.950000000000003" customHeight="1">
      <c r="A87" s="14"/>
      <c r="B87" s="7" t="s">
        <v>85</v>
      </c>
      <c r="C87" s="7" t="s">
        <v>84</v>
      </c>
      <c r="D87" s="19" t="s">
        <v>348</v>
      </c>
      <c r="E87" s="18" t="s">
        <v>83</v>
      </c>
      <c r="F87" s="18" t="s">
        <v>82</v>
      </c>
    </row>
    <row r="88" spans="1:6" ht="39.950000000000003" customHeight="1">
      <c r="A88" s="14" t="s">
        <v>81</v>
      </c>
      <c r="B88" s="7" t="s">
        <v>80</v>
      </c>
      <c r="C88" s="7" t="s">
        <v>393</v>
      </c>
      <c r="D88" s="4" t="s">
        <v>349</v>
      </c>
      <c r="E88" s="4" t="s">
        <v>79</v>
      </c>
      <c r="F88" s="4"/>
    </row>
    <row r="89" spans="1:6" ht="39.950000000000003" customHeight="1">
      <c r="A89" s="14"/>
      <c r="B89" s="7" t="s">
        <v>78</v>
      </c>
      <c r="C89" s="20" t="s">
        <v>394</v>
      </c>
      <c r="D89" s="4" t="s">
        <v>349</v>
      </c>
      <c r="E89" s="19" t="s">
        <v>259</v>
      </c>
      <c r="F89" s="18"/>
    </row>
    <row r="90" spans="1:6" ht="39.950000000000003" customHeight="1">
      <c r="A90" s="14"/>
      <c r="B90" s="7" t="s">
        <v>77</v>
      </c>
      <c r="C90" s="7" t="s">
        <v>76</v>
      </c>
      <c r="D90" s="4" t="s">
        <v>12</v>
      </c>
      <c r="E90" s="4" t="s">
        <v>53</v>
      </c>
      <c r="F90" s="4"/>
    </row>
    <row r="91" spans="1:6" ht="39.950000000000003" customHeight="1">
      <c r="A91" s="14" t="s">
        <v>75</v>
      </c>
      <c r="B91" s="7" t="s">
        <v>74</v>
      </c>
      <c r="C91" s="17" t="s">
        <v>73</v>
      </c>
      <c r="D91" s="4" t="s">
        <v>12</v>
      </c>
      <c r="E91" s="4" t="s">
        <v>72</v>
      </c>
      <c r="F91" s="4"/>
    </row>
    <row r="92" spans="1:6" ht="39.950000000000003" customHeight="1">
      <c r="A92" s="14"/>
      <c r="B92" s="7" t="s">
        <v>71</v>
      </c>
      <c r="C92" s="7" t="s">
        <v>34</v>
      </c>
      <c r="D92" s="4" t="s">
        <v>12</v>
      </c>
      <c r="E92" s="4" t="s">
        <v>70</v>
      </c>
      <c r="F92" s="4"/>
    </row>
    <row r="93" spans="1:6" ht="39.950000000000003" customHeight="1">
      <c r="A93" s="14" t="s">
        <v>69</v>
      </c>
      <c r="B93" s="25" t="s">
        <v>395</v>
      </c>
      <c r="C93" s="16" t="s">
        <v>68</v>
      </c>
      <c r="D93" s="4" t="s">
        <v>12</v>
      </c>
      <c r="E93" s="4" t="s">
        <v>373</v>
      </c>
      <c r="F93" s="4"/>
    </row>
    <row r="94" spans="1:6" ht="39.950000000000003" customHeight="1">
      <c r="A94" s="14"/>
      <c r="B94" s="8" t="s">
        <v>67</v>
      </c>
      <c r="C94" s="7" t="s">
        <v>66</v>
      </c>
      <c r="D94" s="4" t="s">
        <v>12</v>
      </c>
      <c r="E94" s="4" t="s">
        <v>65</v>
      </c>
      <c r="F94" s="4"/>
    </row>
    <row r="95" spans="1:6" s="15" customFormat="1" ht="39.950000000000003" customHeight="1">
      <c r="A95" s="14"/>
      <c r="B95" s="8" t="s">
        <v>64</v>
      </c>
      <c r="C95" s="7" t="s">
        <v>63</v>
      </c>
      <c r="D95" s="4" t="s">
        <v>12</v>
      </c>
      <c r="E95" s="4" t="s">
        <v>62</v>
      </c>
      <c r="F95" s="4"/>
    </row>
    <row r="96" spans="1:6" ht="39.950000000000003" customHeight="1">
      <c r="A96" s="14" t="s">
        <v>61</v>
      </c>
      <c r="B96" s="7" t="s">
        <v>60</v>
      </c>
      <c r="C96" s="7" t="s">
        <v>59</v>
      </c>
      <c r="D96" s="4" t="s">
        <v>58</v>
      </c>
      <c r="E96" s="5" t="s">
        <v>57</v>
      </c>
      <c r="F96" s="4">
        <v>80</v>
      </c>
    </row>
    <row r="97" spans="1:6" ht="39.950000000000003" customHeight="1">
      <c r="A97" s="14"/>
      <c r="B97" s="7" t="s">
        <v>56</v>
      </c>
      <c r="C97" s="7" t="s">
        <v>55</v>
      </c>
      <c r="D97" s="4" t="s">
        <v>54</v>
      </c>
      <c r="E97" s="4" t="s">
        <v>305</v>
      </c>
      <c r="F97" s="4">
        <v>90</v>
      </c>
    </row>
    <row r="98" spans="1:6" ht="39.950000000000003" customHeight="1">
      <c r="A98" s="14"/>
      <c r="B98" s="7" t="s">
        <v>296</v>
      </c>
      <c r="C98" s="7" t="s">
        <v>294</v>
      </c>
      <c r="D98" s="4" t="s">
        <v>416</v>
      </c>
      <c r="E98" s="4" t="s">
        <v>295</v>
      </c>
      <c r="F98" s="4">
        <v>70</v>
      </c>
    </row>
    <row r="99" spans="1:6" ht="39.950000000000003" customHeight="1">
      <c r="A99" s="14" t="s">
        <v>52</v>
      </c>
      <c r="B99" s="7" t="s">
        <v>51</v>
      </c>
      <c r="C99" s="7" t="s">
        <v>50</v>
      </c>
      <c r="D99" s="4" t="s">
        <v>396</v>
      </c>
      <c r="E99" s="5" t="s">
        <v>49</v>
      </c>
      <c r="F99" s="4">
        <v>50</v>
      </c>
    </row>
    <row r="100" spans="1:6" ht="39.950000000000003" customHeight="1">
      <c r="A100" s="39"/>
      <c r="B100" s="7" t="s">
        <v>364</v>
      </c>
      <c r="C100" s="42" t="s">
        <v>365</v>
      </c>
      <c r="D100" s="4" t="s">
        <v>397</v>
      </c>
      <c r="E100" s="43" t="s">
        <v>366</v>
      </c>
      <c r="F100" s="44">
        <v>70</v>
      </c>
    </row>
    <row r="101" spans="1:6" ht="39.950000000000003" customHeight="1">
      <c r="A101" s="39"/>
      <c r="B101" s="7" t="s">
        <v>367</v>
      </c>
      <c r="C101" s="42" t="s">
        <v>368</v>
      </c>
      <c r="D101" s="4" t="s">
        <v>398</v>
      </c>
      <c r="E101" s="43" t="s">
        <v>369</v>
      </c>
      <c r="F101" s="44">
        <v>30</v>
      </c>
    </row>
    <row r="102" spans="1:6" ht="39.950000000000003" customHeight="1">
      <c r="A102" s="39"/>
      <c r="B102" s="7" t="s">
        <v>370</v>
      </c>
      <c r="C102" s="7" t="s">
        <v>371</v>
      </c>
      <c r="D102" s="4" t="s">
        <v>398</v>
      </c>
      <c r="E102" s="5" t="s">
        <v>372</v>
      </c>
      <c r="F102" s="4">
        <v>29</v>
      </c>
    </row>
    <row r="103" spans="1:6" ht="39.950000000000003" customHeight="1">
      <c r="A103" s="14" t="s">
        <v>48</v>
      </c>
      <c r="B103" s="8" t="s">
        <v>47</v>
      </c>
      <c r="C103" s="7" t="s">
        <v>46</v>
      </c>
      <c r="D103" s="4" t="s">
        <v>45</v>
      </c>
      <c r="E103" s="5" t="s">
        <v>44</v>
      </c>
      <c r="F103" s="4">
        <v>10</v>
      </c>
    </row>
    <row r="104" spans="1:6" ht="39.950000000000003" customHeight="1">
      <c r="A104" s="14" t="s">
        <v>43</v>
      </c>
      <c r="B104" s="25" t="s">
        <v>330</v>
      </c>
      <c r="C104" s="7" t="s">
        <v>331</v>
      </c>
      <c r="D104" s="4" t="s">
        <v>350</v>
      </c>
      <c r="E104" s="5" t="s">
        <v>332</v>
      </c>
      <c r="F104" s="4"/>
    </row>
    <row r="105" spans="1:6" ht="39.950000000000003" customHeight="1">
      <c r="A105" s="14"/>
      <c r="B105" s="7" t="s">
        <v>42</v>
      </c>
      <c r="C105" s="7" t="s">
        <v>41</v>
      </c>
      <c r="D105" s="4" t="s">
        <v>40</v>
      </c>
      <c r="E105" s="4" t="s">
        <v>333</v>
      </c>
      <c r="F105" s="4"/>
    </row>
    <row r="106" spans="1:6" ht="39.950000000000003" customHeight="1">
      <c r="A106" s="14"/>
      <c r="B106" s="7" t="s">
        <v>337</v>
      </c>
      <c r="C106" s="7" t="s">
        <v>39</v>
      </c>
      <c r="D106" s="4" t="s">
        <v>374</v>
      </c>
      <c r="E106" s="4" t="s">
        <v>334</v>
      </c>
      <c r="F106" s="4"/>
    </row>
    <row r="107" spans="1:6" ht="39.950000000000003" customHeight="1">
      <c r="A107" s="14"/>
      <c r="B107" s="7" t="s">
        <v>336</v>
      </c>
      <c r="C107" s="7" t="s">
        <v>38</v>
      </c>
      <c r="D107" s="4" t="s">
        <v>37</v>
      </c>
      <c r="E107" s="4" t="s">
        <v>335</v>
      </c>
      <c r="F107" s="4"/>
    </row>
    <row r="108" spans="1:6" ht="39.950000000000003" customHeight="1">
      <c r="A108" s="14"/>
      <c r="B108" s="7" t="s">
        <v>36</v>
      </c>
      <c r="C108" s="7" t="s">
        <v>254</v>
      </c>
      <c r="D108" s="4" t="s">
        <v>417</v>
      </c>
      <c r="E108" s="4" t="s">
        <v>32</v>
      </c>
      <c r="F108" s="4"/>
    </row>
    <row r="109" spans="1:6" ht="39.950000000000003" customHeight="1">
      <c r="A109" s="9"/>
      <c r="B109" s="7" t="s">
        <v>35</v>
      </c>
      <c r="C109" s="7" t="s">
        <v>34</v>
      </c>
      <c r="D109" s="4" t="s">
        <v>33</v>
      </c>
      <c r="E109" s="4" t="s">
        <v>32</v>
      </c>
      <c r="F109" s="4"/>
    </row>
    <row r="110" spans="1:6" ht="39.950000000000003" customHeight="1">
      <c r="A110" s="9" t="s">
        <v>31</v>
      </c>
      <c r="B110" s="11" t="s">
        <v>297</v>
      </c>
      <c r="C110" s="6" t="s">
        <v>30</v>
      </c>
      <c r="D110" s="4" t="s">
        <v>416</v>
      </c>
      <c r="E110" s="11" t="s">
        <v>29</v>
      </c>
      <c r="F110" s="4">
        <v>18</v>
      </c>
    </row>
    <row r="111" spans="1:6" ht="39.950000000000003" customHeight="1">
      <c r="A111" s="9"/>
      <c r="B111" s="12" t="s">
        <v>28</v>
      </c>
      <c r="C111" s="6" t="s">
        <v>298</v>
      </c>
      <c r="D111" s="34" t="s">
        <v>351</v>
      </c>
      <c r="E111" s="13" t="s">
        <v>27</v>
      </c>
      <c r="F111" s="4">
        <v>6</v>
      </c>
    </row>
    <row r="112" spans="1:6" ht="39.950000000000003" customHeight="1">
      <c r="A112" s="9"/>
      <c r="B112" s="12" t="s">
        <v>26</v>
      </c>
      <c r="C112" s="6" t="s">
        <v>25</v>
      </c>
      <c r="D112" s="4" t="s">
        <v>345</v>
      </c>
      <c r="E112" s="37" t="s">
        <v>24</v>
      </c>
      <c r="F112" s="4">
        <v>9</v>
      </c>
    </row>
    <row r="113" spans="1:6" ht="39.950000000000003" customHeight="1">
      <c r="A113" s="9"/>
      <c r="B113" s="8" t="s">
        <v>23</v>
      </c>
      <c r="C113" s="7" t="s">
        <v>22</v>
      </c>
      <c r="D113" s="10" t="s">
        <v>352</v>
      </c>
      <c r="E113" s="5" t="s">
        <v>21</v>
      </c>
      <c r="F113" s="4">
        <v>18</v>
      </c>
    </row>
    <row r="114" spans="1:6" ht="39.950000000000003" customHeight="1">
      <c r="A114" s="9"/>
      <c r="B114" s="8" t="s">
        <v>20</v>
      </c>
      <c r="C114" s="7" t="s">
        <v>338</v>
      </c>
      <c r="D114" s="4" t="s">
        <v>19</v>
      </c>
      <c r="E114" s="5" t="s">
        <v>18</v>
      </c>
      <c r="F114" s="4">
        <v>18</v>
      </c>
    </row>
    <row r="115" spans="1:6" ht="39.950000000000003" customHeight="1">
      <c r="A115" s="9"/>
      <c r="B115" s="8" t="s">
        <v>17</v>
      </c>
      <c r="C115" s="7" t="s">
        <v>16</v>
      </c>
      <c r="D115" s="4" t="s">
        <v>353</v>
      </c>
      <c r="E115" s="5" t="s">
        <v>15</v>
      </c>
      <c r="F115" s="4">
        <v>18</v>
      </c>
    </row>
    <row r="116" spans="1:6" ht="39.950000000000003" customHeight="1">
      <c r="A116" s="9" t="s">
        <v>14</v>
      </c>
      <c r="B116" s="8" t="s">
        <v>13</v>
      </c>
      <c r="C116" s="7" t="s">
        <v>299</v>
      </c>
      <c r="D116" s="4" t="s">
        <v>300</v>
      </c>
      <c r="E116" s="5" t="s">
        <v>306</v>
      </c>
      <c r="F116" s="4">
        <v>50</v>
      </c>
    </row>
    <row r="117" spans="1:6" ht="39.75" customHeight="1">
      <c r="A117" s="9"/>
      <c r="B117" s="8" t="s">
        <v>11</v>
      </c>
      <c r="C117" s="7" t="s">
        <v>10</v>
      </c>
      <c r="D117" s="10" t="s">
        <v>354</v>
      </c>
      <c r="E117" s="5" t="s">
        <v>9</v>
      </c>
      <c r="F117" s="4">
        <v>70</v>
      </c>
    </row>
    <row r="118" spans="1:6" ht="39.75" customHeight="1">
      <c r="A118" s="9"/>
      <c r="B118" s="8" t="s">
        <v>8</v>
      </c>
      <c r="C118" s="7" t="s">
        <v>7</v>
      </c>
      <c r="D118" s="4" t="s">
        <v>345</v>
      </c>
      <c r="E118" s="5" t="s">
        <v>6</v>
      </c>
      <c r="F118" s="4">
        <v>70</v>
      </c>
    </row>
    <row r="119" spans="1:6" ht="39.75" customHeight="1">
      <c r="A119" s="9"/>
      <c r="B119" s="8" t="s">
        <v>5</v>
      </c>
      <c r="C119" s="7" t="s">
        <v>260</v>
      </c>
      <c r="D119" s="4" t="s">
        <v>345</v>
      </c>
      <c r="E119" s="5" t="s">
        <v>4</v>
      </c>
      <c r="F119" s="4">
        <v>82</v>
      </c>
    </row>
    <row r="120" spans="1:6" ht="39.75" customHeight="1">
      <c r="A120" s="9"/>
      <c r="B120" s="8" t="s">
        <v>3</v>
      </c>
      <c r="C120" s="7" t="s">
        <v>2</v>
      </c>
      <c r="D120" s="4" t="s">
        <v>1</v>
      </c>
      <c r="E120" s="5" t="s">
        <v>0</v>
      </c>
      <c r="F120" s="4">
        <v>99</v>
      </c>
    </row>
    <row r="121" spans="1:6" ht="39.75" customHeight="1">
      <c r="A121" s="40"/>
      <c r="B121" s="49" t="s">
        <v>399</v>
      </c>
      <c r="C121" s="7" t="s">
        <v>375</v>
      </c>
      <c r="D121" s="10" t="s">
        <v>354</v>
      </c>
      <c r="E121" s="5" t="s">
        <v>376</v>
      </c>
      <c r="F121" s="4">
        <v>29</v>
      </c>
    </row>
    <row r="122" spans="1:6" ht="39.75" customHeight="1">
      <c r="A122" s="41"/>
      <c r="B122" s="50" t="s">
        <v>400</v>
      </c>
      <c r="C122" s="45" t="s">
        <v>377</v>
      </c>
      <c r="D122" s="47" t="s">
        <v>345</v>
      </c>
      <c r="E122" s="46" t="s">
        <v>326</v>
      </c>
      <c r="F122" s="47">
        <v>29</v>
      </c>
    </row>
  </sheetData>
  <mergeCells count="1">
    <mergeCell ref="D1:F1"/>
  </mergeCells>
  <phoneticPr fontId="1"/>
  <printOptions horizontalCentered="1"/>
  <pageMargins left="0.59055118110236227" right="0.59055118110236227" top="0.39370078740157483" bottom="0.39370078740157483" header="0.51181102362204722" footer="0.51181102362204722"/>
  <pageSetup paperSize="9" scale="9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9-30</vt:lpstr>
      <vt:lpstr>'19-30'!Print_Area</vt:lpstr>
      <vt:lpstr>'19-30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社会福祉</dc:title>
  <dc:creator>DensanUser</dc:creator>
  <cp:lastModifiedBy>Administrator</cp:lastModifiedBy>
  <cp:lastPrinted>2021-02-03T08:42:03Z</cp:lastPrinted>
  <dcterms:created xsi:type="dcterms:W3CDTF">1997-01-08T22:48:59Z</dcterms:created>
  <dcterms:modified xsi:type="dcterms:W3CDTF">2021-02-03T08:42:04Z</dcterms:modified>
</cp:coreProperties>
</file>